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i6486056\Documents\Private\SSSK\SSSK\Terminlister\"/>
    </mc:Choice>
  </mc:AlternateContent>
  <bookViews>
    <workbookView xWindow="0" yWindow="0" windowWidth="19200" windowHeight="7050"/>
  </bookViews>
  <sheets>
    <sheet name="Stevner 2022-2023" sheetId="1" r:id="rId1"/>
  </sheets>
  <definedNames>
    <definedName name="Addo_DocID" comment="AddoOAS">"fc84378f-7890-43d6-8f42-0f2f7e7186a4"</definedName>
    <definedName name="Addo_Today">44088</definedName>
    <definedName name="_xlnm.Print_Area" localSheetId="0">'Stevner 2022-2023'!$A$1:$AG$48</definedName>
  </definedNames>
  <calcPr calcId="191028" concurrentCalc="0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46" uniqueCount="87">
  <si>
    <t>Stevner 2022-2023  oppdatert 12.09.22</t>
  </si>
  <si>
    <t>ma</t>
  </si>
  <si>
    <t>ti</t>
  </si>
  <si>
    <t>on</t>
  </si>
  <si>
    <t>to</t>
  </si>
  <si>
    <t>fr</t>
  </si>
  <si>
    <t>lø</t>
  </si>
  <si>
    <t>sø</t>
  </si>
  <si>
    <t>September</t>
  </si>
  <si>
    <t>Egne stevner</t>
  </si>
  <si>
    <t>Isen legges</t>
  </si>
  <si>
    <t>Andre stevner</t>
  </si>
  <si>
    <t>Oktober</t>
  </si>
  <si>
    <t>Ferie og fridager</t>
  </si>
  <si>
    <t>Høstferie Øst</t>
  </si>
  <si>
    <t>Høstferie Vest</t>
  </si>
  <si>
    <t>OC1</t>
  </si>
  <si>
    <t>Stavanger Open</t>
  </si>
  <si>
    <t>Dommerkurs</t>
  </si>
  <si>
    <t>NC1</t>
  </si>
  <si>
    <t>ISU Star class 1 - kortbane</t>
  </si>
  <si>
    <t>NC1 -Bjung?</t>
  </si>
  <si>
    <t>NM Senior enkelt distanser -Hamar</t>
  </si>
  <si>
    <t>November</t>
  </si>
  <si>
    <t>NC3</t>
  </si>
  <si>
    <t>OC2</t>
  </si>
  <si>
    <t>WC1 i Stavanger</t>
  </si>
  <si>
    <t>OC3</t>
  </si>
  <si>
    <t>NC2 -Hamar</t>
  </si>
  <si>
    <t>Drammensløpet</t>
  </si>
  <si>
    <t>NC3 Vikingskipet</t>
  </si>
  <si>
    <t>ISU J-WC Hamar</t>
  </si>
  <si>
    <t>NCX finale</t>
  </si>
  <si>
    <t>Odalsskøyta-Hamar</t>
  </si>
  <si>
    <t>Herkulesløpet - Skien</t>
  </si>
  <si>
    <t xml:space="preserve">WC2 Heerenveen </t>
  </si>
  <si>
    <t>Desember</t>
  </si>
  <si>
    <t>Juleferie</t>
  </si>
  <si>
    <t>Flikkerud løpet</t>
  </si>
  <si>
    <t xml:space="preserve">Mst. X-mas race </t>
  </si>
  <si>
    <t>NC5-Vår energ. Arena - rekordfohold?</t>
  </si>
  <si>
    <t>Trimmila</t>
  </si>
  <si>
    <t>Krystallcupen - Jevnaker</t>
  </si>
  <si>
    <t>WC 3 - Calgary</t>
  </si>
  <si>
    <t>WC4 Calgary</t>
  </si>
  <si>
    <t>Prestbergeløpet- N-Odal</t>
  </si>
  <si>
    <t>ISU J-WC TBA (Europe)</t>
  </si>
  <si>
    <t>NC4 - TBD</t>
  </si>
  <si>
    <t>Risengaløpet</t>
  </si>
  <si>
    <t>Maierløpet - Tønsberg</t>
  </si>
  <si>
    <t>Januar</t>
  </si>
  <si>
    <t>OC4</t>
  </si>
  <si>
    <t>OC5</t>
  </si>
  <si>
    <t>NM alround og sprint-Vår enrg. Arena</t>
  </si>
  <si>
    <t>EM- Hamar</t>
  </si>
  <si>
    <t>NM J sprint Kristiansund</t>
  </si>
  <si>
    <t>Bergmannløpet - kongsvinger</t>
  </si>
  <si>
    <t>NM J-allround - Harstad</t>
  </si>
  <si>
    <t>Marinlystløpet - Drammen</t>
  </si>
  <si>
    <t>Vikingløpet - Tønsberg</t>
  </si>
  <si>
    <t>Hamerlekene - Hamar</t>
  </si>
  <si>
    <t>Februar</t>
  </si>
  <si>
    <t>Vinterferie Øst</t>
  </si>
  <si>
    <t>Vinterferie vest</t>
  </si>
  <si>
    <t>OC6</t>
  </si>
  <si>
    <t>NM Veteraner</t>
  </si>
  <si>
    <t>OC7 Finale</t>
  </si>
  <si>
    <t>WC3-J - Inzell</t>
  </si>
  <si>
    <t>WC5-Polen</t>
  </si>
  <si>
    <t>WC6-Polen</t>
  </si>
  <si>
    <t>NC6 TBD</t>
  </si>
  <si>
    <t>Kongsbergløpet - Kongsberg</t>
  </si>
  <si>
    <t>VM- J- Inzell</t>
  </si>
  <si>
    <t>Hallingdalskarusellen</t>
  </si>
  <si>
    <t>Mapeiløpet -  N-Odal</t>
  </si>
  <si>
    <t>Landsmesterskapet -Båstad</t>
  </si>
  <si>
    <t>ASK-Mila - Frogner</t>
  </si>
  <si>
    <t>Sandefjordløpet -Hamar  (Vikingskipet)</t>
  </si>
  <si>
    <t>Mars</t>
  </si>
  <si>
    <t>Isen forsvinner - dato kommer</t>
  </si>
  <si>
    <t>NC finale Vår Energ. A</t>
  </si>
  <si>
    <t>Rekordløpet</t>
  </si>
  <si>
    <t>VM- Heereveen</t>
  </si>
  <si>
    <t>siste indre - Frogner</t>
  </si>
  <si>
    <t>Hjallis -Æresløp -Leangen</t>
  </si>
  <si>
    <t>Medlemsmøte</t>
  </si>
  <si>
    <t>Julegrø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Calibri"/>
      <family val="2"/>
      <scheme val="minor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strike/>
      <sz val="8"/>
      <color theme="1"/>
      <name val="Calibri"/>
      <family val="2"/>
      <scheme val="minor"/>
    </font>
    <font>
      <b/>
      <sz val="9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sz val="8"/>
      <name val="Calibri"/>
      <family val="2"/>
      <scheme val="minor"/>
    </font>
  </fonts>
  <fills count="12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0" tint="-0.34998626667073579"/>
        <bgColor indexed="64"/>
      </patternFill>
    </fill>
  </fills>
  <borders count="37">
    <border>
      <left/>
      <right/>
      <top/>
      <bottom/>
      <diagonal/>
    </border>
    <border>
      <left style="thin">
        <color theme="0" tint="-0.14996795556505021"/>
      </left>
      <right style="thin">
        <color theme="0" tint="-0.14996795556505021"/>
      </right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0.14996795556505021"/>
      </left>
      <right style="thin">
        <color theme="0" tint="-0.14996795556505021"/>
      </right>
      <top style="thin">
        <color theme="0" tint="-0.14996795556505021"/>
      </top>
      <bottom/>
      <diagonal/>
    </border>
    <border>
      <left/>
      <right style="thin">
        <color theme="0" tint="-0.14996795556505021"/>
      </right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0.14996795556505021"/>
      </left>
      <right/>
      <top/>
      <bottom style="thin">
        <color theme="0" tint="-0.14996795556505021"/>
      </bottom>
      <diagonal/>
    </border>
    <border>
      <left style="thin">
        <color theme="0" tint="-0.14996795556505021"/>
      </left>
      <right style="thin">
        <color theme="0" tint="-0.14996795556505021"/>
      </right>
      <top/>
      <bottom style="thin">
        <color theme="0" tint="-0.14996795556505021"/>
      </bottom>
      <diagonal/>
    </border>
    <border>
      <left/>
      <right style="thin">
        <color theme="0" tint="-0.14996795556505021"/>
      </right>
      <top/>
      <bottom style="thin">
        <color theme="0" tint="-0.14996795556505021"/>
      </bottom>
      <diagonal/>
    </border>
    <border>
      <left/>
      <right style="thin">
        <color theme="0" tint="-0.14996795556505021"/>
      </right>
      <top style="thin">
        <color theme="0" tint="-0.14996795556505021"/>
      </top>
      <bottom/>
      <diagonal/>
    </border>
    <border>
      <left style="thin">
        <color theme="0" tint="-0.14996795556505021"/>
      </left>
      <right/>
      <top style="thin">
        <color theme="0" tint="-0.1499679555650502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0" tint="-0.14996795556505021"/>
      </left>
      <right style="thin">
        <color theme="0" tint="-0.14996795556505021"/>
      </right>
      <top style="medium">
        <color indexed="64"/>
      </top>
      <bottom/>
      <diagonal/>
    </border>
    <border>
      <left style="thin">
        <color theme="0" tint="-0.14996795556505021"/>
      </left>
      <right/>
      <top style="medium">
        <color indexed="64"/>
      </top>
      <bottom/>
      <diagonal/>
    </border>
    <border>
      <left/>
      <right style="thin">
        <color theme="0" tint="-0.14996795556505021"/>
      </right>
      <top style="medium">
        <color indexed="64"/>
      </top>
      <bottom/>
      <diagonal/>
    </border>
    <border>
      <left style="thin">
        <color theme="0" tint="-0.1499679555650502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theme="0" tint="-0.14996795556505021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theme="0" tint="-0.1499679555650502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theme="0" tint="-0.14996795556505021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85">
    <xf numFmtId="0" fontId="0" fillId="0" borderId="0" xfId="0"/>
    <xf numFmtId="0" fontId="1" fillId="0" borderId="1" xfId="0" applyFont="1" applyBorder="1"/>
    <xf numFmtId="0" fontId="1" fillId="0" borderId="2" xfId="0" applyFont="1" applyBorder="1"/>
    <xf numFmtId="0" fontId="1" fillId="0" borderId="3" xfId="0" applyFont="1" applyBorder="1"/>
    <xf numFmtId="0" fontId="2" fillId="0" borderId="1" xfId="0" applyFont="1" applyBorder="1"/>
    <xf numFmtId="0" fontId="1" fillId="0" borderId="4" xfId="0" applyFont="1" applyBorder="1"/>
    <xf numFmtId="0" fontId="1" fillId="0" borderId="6" xfId="0" applyFont="1" applyBorder="1"/>
    <xf numFmtId="0" fontId="1" fillId="0" borderId="5" xfId="0" applyFont="1" applyBorder="1"/>
    <xf numFmtId="0" fontId="1" fillId="0" borderId="1" xfId="0" applyFont="1" applyBorder="1" applyAlignment="1">
      <alignment horizontal="right"/>
    </xf>
    <xf numFmtId="0" fontId="1" fillId="0" borderId="5" xfId="0" applyFont="1" applyBorder="1" applyAlignment="1">
      <alignment horizontal="right"/>
    </xf>
    <xf numFmtId="0" fontId="1" fillId="2" borderId="1" xfId="0" applyFont="1" applyFill="1" applyBorder="1"/>
    <xf numFmtId="0" fontId="1" fillId="0" borderId="7" xfId="0" applyFont="1" applyBorder="1"/>
    <xf numFmtId="0" fontId="1" fillId="0" borderId="8" xfId="0" applyFont="1" applyBorder="1"/>
    <xf numFmtId="0" fontId="1" fillId="0" borderId="0" xfId="0" applyFont="1"/>
    <xf numFmtId="0" fontId="1" fillId="0" borderId="9" xfId="0" applyFont="1" applyBorder="1"/>
    <xf numFmtId="0" fontId="2" fillId="0" borderId="9" xfId="0" applyFont="1" applyBorder="1"/>
    <xf numFmtId="0" fontId="0" fillId="0" borderId="9" xfId="0" applyBorder="1"/>
    <xf numFmtId="0" fontId="2" fillId="3" borderId="9" xfId="0" applyFont="1" applyFill="1" applyBorder="1"/>
    <xf numFmtId="0" fontId="1" fillId="2" borderId="9" xfId="0" applyFont="1" applyFill="1" applyBorder="1"/>
    <xf numFmtId="0" fontId="1" fillId="5" borderId="9" xfId="0" applyFont="1" applyFill="1" applyBorder="1"/>
    <xf numFmtId="0" fontId="1" fillId="6" borderId="9" xfId="0" applyFont="1" applyFill="1" applyBorder="1"/>
    <xf numFmtId="0" fontId="1" fillId="0" borderId="10" xfId="0" applyFont="1" applyBorder="1"/>
    <xf numFmtId="0" fontId="1" fillId="0" borderId="11" xfId="0" applyFont="1" applyBorder="1"/>
    <xf numFmtId="0" fontId="1" fillId="0" borderId="12" xfId="0" applyFont="1" applyBorder="1"/>
    <xf numFmtId="0" fontId="1" fillId="0" borderId="13" xfId="0" applyFont="1" applyBorder="1"/>
    <xf numFmtId="0" fontId="0" fillId="0" borderId="15" xfId="0" applyBorder="1"/>
    <xf numFmtId="0" fontId="4" fillId="0" borderId="17" xfId="0" applyFont="1" applyBorder="1"/>
    <xf numFmtId="0" fontId="2" fillId="0" borderId="14" xfId="0" applyFont="1" applyBorder="1"/>
    <xf numFmtId="0" fontId="1" fillId="0" borderId="15" xfId="0" applyFont="1" applyBorder="1"/>
    <xf numFmtId="0" fontId="2" fillId="0" borderId="18" xfId="0" applyFont="1" applyBorder="1"/>
    <xf numFmtId="0" fontId="2" fillId="0" borderId="19" xfId="0" applyFont="1" applyBorder="1"/>
    <xf numFmtId="0" fontId="1" fillId="0" borderId="20" xfId="0" applyFont="1" applyBorder="1"/>
    <xf numFmtId="0" fontId="1" fillId="0" borderId="21" xfId="0" applyFont="1" applyBorder="1"/>
    <xf numFmtId="0" fontId="1" fillId="7" borderId="9" xfId="0" applyFont="1" applyFill="1" applyBorder="1"/>
    <xf numFmtId="0" fontId="2" fillId="0" borderId="22" xfId="0" applyFont="1" applyBorder="1"/>
    <xf numFmtId="0" fontId="2" fillId="0" borderId="16" xfId="0" applyFont="1" applyBorder="1"/>
    <xf numFmtId="0" fontId="1" fillId="0" borderId="23" xfId="0" applyFont="1" applyBorder="1"/>
    <xf numFmtId="0" fontId="4" fillId="8" borderId="24" xfId="0" applyFont="1" applyFill="1" applyBorder="1"/>
    <xf numFmtId="0" fontId="0" fillId="8" borderId="25" xfId="0" applyFill="1" applyBorder="1"/>
    <xf numFmtId="0" fontId="2" fillId="8" borderId="26" xfId="0" applyFont="1" applyFill="1" applyBorder="1"/>
    <xf numFmtId="0" fontId="0" fillId="0" borderId="27" xfId="0" applyBorder="1"/>
    <xf numFmtId="0" fontId="0" fillId="8" borderId="26" xfId="0" applyFill="1" applyBorder="1"/>
    <xf numFmtId="0" fontId="0" fillId="0" borderId="23" xfId="0" applyBorder="1"/>
    <xf numFmtId="0" fontId="0" fillId="0" borderId="22" xfId="0" applyBorder="1"/>
    <xf numFmtId="0" fontId="2" fillId="0" borderId="27" xfId="0" applyFont="1" applyBorder="1"/>
    <xf numFmtId="0" fontId="1" fillId="0" borderId="28" xfId="0" applyFont="1" applyBorder="1"/>
    <xf numFmtId="0" fontId="1" fillId="0" borderId="22" xfId="0" applyFont="1" applyBorder="1"/>
    <xf numFmtId="0" fontId="0" fillId="5" borderId="9" xfId="0" applyFill="1" applyBorder="1"/>
    <xf numFmtId="0" fontId="1" fillId="9" borderId="9" xfId="0" applyFont="1" applyFill="1" applyBorder="1"/>
    <xf numFmtId="0" fontId="1" fillId="5" borderId="20" xfId="0" applyFont="1" applyFill="1" applyBorder="1"/>
    <xf numFmtId="0" fontId="2" fillId="8" borderId="24" xfId="0" applyFont="1" applyFill="1" applyBorder="1"/>
    <xf numFmtId="0" fontId="0" fillId="7" borderId="9" xfId="0" applyFill="1" applyBorder="1"/>
    <xf numFmtId="0" fontId="6" fillId="7" borderId="9" xfId="0" applyFont="1" applyFill="1" applyBorder="1"/>
    <xf numFmtId="0" fontId="1" fillId="10" borderId="9" xfId="0" applyFont="1" applyFill="1" applyBorder="1"/>
    <xf numFmtId="0" fontId="0" fillId="0" borderId="28" xfId="0" applyBorder="1"/>
    <xf numFmtId="0" fontId="1" fillId="2" borderId="0" xfId="0" applyFont="1" applyFill="1"/>
    <xf numFmtId="0" fontId="1" fillId="0" borderId="29" xfId="0" applyFont="1" applyBorder="1"/>
    <xf numFmtId="0" fontId="1" fillId="10" borderId="23" xfId="0" applyFont="1" applyFill="1" applyBorder="1"/>
    <xf numFmtId="0" fontId="1" fillId="10" borderId="20" xfId="0" applyFont="1" applyFill="1" applyBorder="1"/>
    <xf numFmtId="0" fontId="5" fillId="0" borderId="30" xfId="0" applyFont="1" applyBorder="1"/>
    <xf numFmtId="0" fontId="1" fillId="0" borderId="30" xfId="0" applyFont="1" applyBorder="1"/>
    <xf numFmtId="0" fontId="1" fillId="4" borderId="31" xfId="0" applyFont="1" applyFill="1" applyBorder="1"/>
    <xf numFmtId="0" fontId="1" fillId="4" borderId="32" xfId="0" applyFont="1" applyFill="1" applyBorder="1"/>
    <xf numFmtId="0" fontId="2" fillId="4" borderId="32" xfId="0" applyFont="1" applyFill="1" applyBorder="1"/>
    <xf numFmtId="0" fontId="1" fillId="4" borderId="33" xfId="0" applyFont="1" applyFill="1" applyBorder="1"/>
    <xf numFmtId="0" fontId="0" fillId="0" borderId="34" xfId="0" applyBorder="1"/>
    <xf numFmtId="0" fontId="0" fillId="10" borderId="0" xfId="0" applyFill="1"/>
    <xf numFmtId="0" fontId="2" fillId="0" borderId="35" xfId="0" applyFont="1" applyBorder="1"/>
    <xf numFmtId="0" fontId="0" fillId="7" borderId="0" xfId="0" applyFill="1"/>
    <xf numFmtId="0" fontId="0" fillId="7" borderId="23" xfId="0" applyFill="1" applyBorder="1"/>
    <xf numFmtId="0" fontId="2" fillId="11" borderId="9" xfId="0" applyFont="1" applyFill="1" applyBorder="1"/>
    <xf numFmtId="0" fontId="0" fillId="0" borderId="36" xfId="0" applyBorder="1"/>
    <xf numFmtId="0" fontId="2" fillId="3" borderId="36" xfId="0" applyFont="1" applyFill="1" applyBorder="1"/>
    <xf numFmtId="0" fontId="2" fillId="3" borderId="0" xfId="0" applyFont="1" applyFill="1"/>
    <xf numFmtId="0" fontId="2" fillId="0" borderId="17" xfId="0" applyFont="1" applyBorder="1"/>
    <xf numFmtId="0" fontId="6" fillId="0" borderId="9" xfId="0" applyFont="1" applyBorder="1"/>
    <xf numFmtId="0" fontId="2" fillId="8" borderId="9" xfId="0" applyFont="1" applyFill="1" applyBorder="1"/>
    <xf numFmtId="0" fontId="2" fillId="8" borderId="15" xfId="0" applyFont="1" applyFill="1" applyBorder="1"/>
    <xf numFmtId="0" fontId="2" fillId="8" borderId="3" xfId="0" applyFont="1" applyFill="1" applyBorder="1"/>
    <xf numFmtId="0" fontId="3" fillId="0" borderId="9" xfId="0" applyFont="1" applyBorder="1"/>
    <xf numFmtId="0" fontId="1" fillId="0" borderId="9" xfId="0" applyFont="1" applyFill="1" applyBorder="1"/>
    <xf numFmtId="0" fontId="7" fillId="8" borderId="9" xfId="0" applyFont="1" applyFill="1" applyBorder="1"/>
    <xf numFmtId="0" fontId="0" fillId="8" borderId="0" xfId="0" applyFill="1"/>
    <xf numFmtId="0" fontId="1" fillId="8" borderId="9" xfId="0" applyFont="1" applyFill="1" applyBorder="1"/>
    <xf numFmtId="0" fontId="0" fillId="8" borderId="9" xfId="0" applyFill="1" applyBorder="1"/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F2F2F2"/>
      <color rgb="FFE6E6E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5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K49"/>
  <sheetViews>
    <sheetView tabSelected="1" zoomScale="81" zoomScaleNormal="160" workbookViewId="0">
      <pane ySplit="2" topLeftCell="A5" activePane="bottomLeft" state="frozen"/>
      <selection pane="bottomLeft" activeCell="R22" sqref="R22"/>
    </sheetView>
  </sheetViews>
  <sheetFormatPr baseColWidth="10" defaultColWidth="8.7265625" defaultRowHeight="14.5" x14ac:dyDescent="0.35"/>
  <cols>
    <col min="1" max="1" width="4.26953125" customWidth="1"/>
    <col min="2" max="64" width="3.7265625" customWidth="1"/>
  </cols>
  <sheetData>
    <row r="1" spans="1:63" ht="16" thickBot="1" x14ac:dyDescent="0.4">
      <c r="A1" s="59" t="s">
        <v>0</v>
      </c>
      <c r="B1" s="21"/>
      <c r="C1" s="21"/>
      <c r="D1" s="21"/>
      <c r="E1" s="21"/>
      <c r="F1" s="21"/>
      <c r="G1" s="21"/>
      <c r="H1" s="21"/>
      <c r="I1" s="21"/>
      <c r="J1" s="21"/>
      <c r="K1" s="21"/>
      <c r="L1" s="21"/>
      <c r="M1" s="21"/>
      <c r="N1" s="21"/>
      <c r="O1" s="21"/>
      <c r="P1" s="21"/>
      <c r="Q1" s="21"/>
      <c r="R1" s="21"/>
      <c r="S1" s="21"/>
      <c r="T1" s="21"/>
      <c r="U1" s="21"/>
      <c r="V1" s="21"/>
      <c r="W1" s="21"/>
      <c r="X1" s="21"/>
      <c r="Y1" s="21"/>
      <c r="Z1" s="21"/>
      <c r="AA1" s="21"/>
      <c r="AB1" s="21"/>
      <c r="AC1" s="21"/>
      <c r="AD1" s="21"/>
      <c r="AE1" s="21"/>
      <c r="AF1" s="21"/>
      <c r="AG1" s="22"/>
      <c r="AH1" s="23"/>
      <c r="AI1" s="21"/>
      <c r="AJ1" s="21"/>
      <c r="AK1" s="21"/>
      <c r="AL1" s="24"/>
      <c r="AM1" s="3"/>
      <c r="AN1" s="1"/>
      <c r="AO1" s="1"/>
      <c r="AP1" s="2"/>
      <c r="AQ1" s="2"/>
      <c r="AR1" s="1"/>
      <c r="AS1" s="1"/>
      <c r="AT1" s="1"/>
      <c r="AU1" s="1"/>
      <c r="AV1" s="1"/>
      <c r="AW1" s="2"/>
      <c r="AX1" s="2"/>
      <c r="AY1" s="1"/>
      <c r="AZ1" s="1"/>
      <c r="BA1" s="1"/>
      <c r="BB1" s="1"/>
      <c r="BC1" s="1"/>
      <c r="BD1" s="2"/>
      <c r="BE1" s="2"/>
      <c r="BF1" s="1"/>
      <c r="BG1" s="1"/>
      <c r="BH1" s="1"/>
      <c r="BI1" s="1"/>
      <c r="BJ1" s="1"/>
      <c r="BK1" s="2"/>
    </row>
    <row r="2" spans="1:63" ht="15" thickBot="1" x14ac:dyDescent="0.4">
      <c r="A2" s="60"/>
      <c r="B2" s="61" t="s">
        <v>1</v>
      </c>
      <c r="C2" s="62" t="s">
        <v>2</v>
      </c>
      <c r="D2" s="62" t="s">
        <v>3</v>
      </c>
      <c r="E2" s="62" t="s">
        <v>4</v>
      </c>
      <c r="F2" s="62" t="s">
        <v>5</v>
      </c>
      <c r="G2" s="63" t="s">
        <v>6</v>
      </c>
      <c r="H2" s="63" t="s">
        <v>7</v>
      </c>
      <c r="I2" s="62" t="s">
        <v>1</v>
      </c>
      <c r="J2" s="62" t="s">
        <v>2</v>
      </c>
      <c r="K2" s="62" t="s">
        <v>3</v>
      </c>
      <c r="L2" s="62" t="s">
        <v>4</v>
      </c>
      <c r="M2" s="62" t="s">
        <v>5</v>
      </c>
      <c r="N2" s="63" t="s">
        <v>6</v>
      </c>
      <c r="O2" s="63" t="s">
        <v>7</v>
      </c>
      <c r="P2" s="62" t="s">
        <v>1</v>
      </c>
      <c r="Q2" s="62" t="s">
        <v>2</v>
      </c>
      <c r="R2" s="62" t="s">
        <v>3</v>
      </c>
      <c r="S2" s="62" t="s">
        <v>4</v>
      </c>
      <c r="T2" s="62" t="s">
        <v>5</v>
      </c>
      <c r="U2" s="63" t="s">
        <v>6</v>
      </c>
      <c r="V2" s="63" t="s">
        <v>7</v>
      </c>
      <c r="W2" s="62" t="s">
        <v>1</v>
      </c>
      <c r="X2" s="62" t="s">
        <v>2</v>
      </c>
      <c r="Y2" s="62" t="s">
        <v>3</v>
      </c>
      <c r="Z2" s="62" t="s">
        <v>4</v>
      </c>
      <c r="AA2" s="62" t="s">
        <v>5</v>
      </c>
      <c r="AB2" s="63" t="s">
        <v>6</v>
      </c>
      <c r="AC2" s="63" t="s">
        <v>7</v>
      </c>
      <c r="AD2" s="62" t="s">
        <v>1</v>
      </c>
      <c r="AE2" s="62" t="s">
        <v>2</v>
      </c>
      <c r="AF2" s="62" t="s">
        <v>3</v>
      </c>
      <c r="AG2" s="62" t="s">
        <v>4</v>
      </c>
      <c r="AH2" s="62" t="s">
        <v>5</v>
      </c>
      <c r="AI2" s="63" t="s">
        <v>6</v>
      </c>
      <c r="AJ2" s="63" t="s">
        <v>7</v>
      </c>
      <c r="AK2" s="62" t="s">
        <v>1</v>
      </c>
      <c r="AL2" s="64" t="s">
        <v>2</v>
      </c>
      <c r="AM2" s="3"/>
      <c r="AN2" s="1"/>
      <c r="AO2" s="1"/>
      <c r="AP2" s="2"/>
      <c r="AQ2" s="2"/>
      <c r="AR2" s="1"/>
      <c r="AS2" s="1"/>
      <c r="AT2" s="1"/>
      <c r="AU2" s="1"/>
      <c r="AV2" s="1"/>
      <c r="AW2" s="2"/>
      <c r="AX2" s="2"/>
      <c r="AY2" s="1"/>
      <c r="AZ2" s="1"/>
      <c r="BA2" s="1"/>
      <c r="BB2" s="1"/>
      <c r="BC2" s="1"/>
      <c r="BD2" s="2"/>
      <c r="BE2" s="2"/>
      <c r="BF2" s="1"/>
      <c r="BG2" s="1"/>
      <c r="BH2" s="1"/>
      <c r="BI2" s="1"/>
      <c r="BJ2" s="1"/>
      <c r="BK2" s="2"/>
    </row>
    <row r="3" spans="1:63" ht="15" thickBot="1" x14ac:dyDescent="0.4">
      <c r="A3" s="50" t="s">
        <v>8</v>
      </c>
      <c r="B3" s="39"/>
      <c r="C3" s="46"/>
      <c r="E3" s="17">
        <v>1</v>
      </c>
      <c r="F3" s="17">
        <v>2</v>
      </c>
      <c r="G3" s="70">
        <v>3</v>
      </c>
      <c r="H3" s="70">
        <v>4</v>
      </c>
      <c r="I3" s="17">
        <v>5</v>
      </c>
      <c r="J3" s="17">
        <v>6</v>
      </c>
      <c r="K3" s="17">
        <v>7</v>
      </c>
      <c r="L3" s="17">
        <v>8</v>
      </c>
      <c r="M3" s="17">
        <v>9</v>
      </c>
      <c r="N3" s="70">
        <v>10</v>
      </c>
      <c r="O3" s="70">
        <v>11</v>
      </c>
      <c r="P3" s="17">
        <v>12</v>
      </c>
      <c r="Q3" s="17">
        <v>13</v>
      </c>
      <c r="R3" s="17">
        <v>14</v>
      </c>
      <c r="S3" s="17">
        <v>15</v>
      </c>
      <c r="T3" s="17">
        <v>16</v>
      </c>
      <c r="U3" s="70">
        <v>17</v>
      </c>
      <c r="V3" s="70">
        <v>18</v>
      </c>
      <c r="W3" s="17">
        <v>19</v>
      </c>
      <c r="X3" s="17">
        <v>20</v>
      </c>
      <c r="Y3" s="17">
        <v>21</v>
      </c>
      <c r="Z3" s="17">
        <v>22</v>
      </c>
      <c r="AA3" s="17">
        <v>23</v>
      </c>
      <c r="AB3" s="70">
        <v>24</v>
      </c>
      <c r="AC3" s="70">
        <v>25</v>
      </c>
      <c r="AD3" s="17">
        <v>26</v>
      </c>
      <c r="AE3" s="17">
        <v>27</v>
      </c>
      <c r="AF3" s="17">
        <v>28</v>
      </c>
      <c r="AG3" s="17">
        <v>29</v>
      </c>
      <c r="AH3" s="17">
        <v>30</v>
      </c>
      <c r="AI3" s="17"/>
      <c r="AJ3" s="17"/>
      <c r="AK3" s="14"/>
      <c r="AL3" s="28"/>
      <c r="AM3" s="13"/>
      <c r="AN3" s="13"/>
      <c r="AO3" s="13"/>
      <c r="AP3" s="13"/>
      <c r="AQ3" s="13"/>
      <c r="AR3" s="13"/>
      <c r="AS3" s="13"/>
      <c r="AT3" s="13"/>
      <c r="AU3" s="13"/>
      <c r="AV3" s="13"/>
      <c r="AW3" s="13"/>
      <c r="AX3" s="13"/>
      <c r="AY3" s="13"/>
      <c r="AZ3" s="13"/>
      <c r="BA3" s="13"/>
      <c r="BB3" s="13"/>
      <c r="BC3" s="13"/>
      <c r="BD3" s="13"/>
      <c r="BE3" s="13"/>
      <c r="BF3" s="13"/>
      <c r="BG3" s="13"/>
      <c r="BH3" s="13"/>
      <c r="BI3" s="13"/>
      <c r="BJ3" s="13"/>
      <c r="BK3" s="13"/>
    </row>
    <row r="4" spans="1:63" x14ac:dyDescent="0.35">
      <c r="A4" s="27" t="s">
        <v>9</v>
      </c>
      <c r="B4" s="45"/>
      <c r="C4" s="46"/>
      <c r="D4" s="14"/>
      <c r="E4" s="14"/>
      <c r="F4" s="14"/>
      <c r="G4" s="47"/>
      <c r="H4" s="47"/>
      <c r="I4" s="19"/>
      <c r="J4" s="19"/>
      <c r="K4" s="19"/>
      <c r="L4" s="14"/>
      <c r="N4" s="47"/>
      <c r="O4" s="47"/>
      <c r="P4" s="48" t="s">
        <v>10</v>
      </c>
      <c r="Q4" s="48"/>
      <c r="R4" s="48"/>
      <c r="S4" s="48"/>
      <c r="T4" s="48"/>
      <c r="U4" s="15"/>
      <c r="V4" s="15"/>
      <c r="W4" s="14"/>
      <c r="X4" s="14"/>
      <c r="Y4" s="14"/>
      <c r="Z4" s="14"/>
      <c r="AA4" s="14"/>
      <c r="AB4" s="15"/>
      <c r="AC4" s="15"/>
      <c r="AD4" s="14"/>
      <c r="AE4" s="14"/>
      <c r="AF4" s="14"/>
      <c r="AG4" s="14"/>
      <c r="AH4" s="14"/>
      <c r="AI4" s="15"/>
      <c r="AJ4" s="15"/>
      <c r="AK4" s="14"/>
      <c r="AL4" s="28"/>
      <c r="AM4" s="13"/>
      <c r="AN4" s="13"/>
      <c r="AO4" s="13"/>
      <c r="AP4" s="13"/>
      <c r="AQ4" s="13"/>
      <c r="AR4" s="13"/>
      <c r="AS4" s="13"/>
      <c r="AT4" s="13"/>
      <c r="AU4" s="13"/>
      <c r="AV4" s="13"/>
      <c r="AW4" s="13"/>
      <c r="AX4" s="13"/>
      <c r="AY4" s="13"/>
      <c r="AZ4" s="13"/>
      <c r="BA4" s="13"/>
      <c r="BB4" s="13"/>
      <c r="BC4" s="13"/>
      <c r="BD4" s="13"/>
      <c r="BE4" s="13"/>
      <c r="BF4" s="13"/>
      <c r="BG4" s="13"/>
      <c r="BH4" s="13"/>
      <c r="BI4" s="13"/>
      <c r="BJ4" s="13"/>
      <c r="BK4" s="13"/>
    </row>
    <row r="5" spans="1:63" ht="15" thickBot="1" x14ac:dyDescent="0.4">
      <c r="A5" s="35" t="s">
        <v>11</v>
      </c>
      <c r="B5" s="45"/>
      <c r="C5" s="46"/>
      <c r="D5" s="14"/>
      <c r="E5" s="14"/>
      <c r="F5" s="14"/>
      <c r="G5" s="47"/>
      <c r="H5" s="47"/>
      <c r="I5" s="19"/>
      <c r="J5" s="19"/>
      <c r="K5" s="19"/>
      <c r="L5" s="14"/>
      <c r="N5" s="47"/>
      <c r="O5" s="47"/>
      <c r="P5" s="19"/>
      <c r="Q5" s="19"/>
      <c r="R5" s="19"/>
      <c r="S5" s="19"/>
      <c r="T5" s="19"/>
      <c r="U5" s="15"/>
      <c r="V5" s="15"/>
      <c r="W5" s="14"/>
      <c r="X5" s="14"/>
      <c r="Y5" s="14"/>
      <c r="Z5" s="14"/>
      <c r="AA5" s="14"/>
      <c r="AB5" s="15"/>
      <c r="AC5" s="15"/>
      <c r="AD5" s="14"/>
      <c r="AE5" s="14"/>
      <c r="AF5" s="14"/>
      <c r="AG5" s="14"/>
      <c r="AH5" s="14"/>
      <c r="AI5" s="15"/>
      <c r="AJ5" s="15"/>
      <c r="AK5" s="14"/>
      <c r="AL5" s="28"/>
      <c r="AM5" s="13"/>
      <c r="AN5" s="13"/>
      <c r="AO5" s="13"/>
      <c r="AP5" s="13"/>
      <c r="AQ5" s="13"/>
      <c r="AR5" s="13"/>
      <c r="AS5" s="13"/>
      <c r="AT5" s="13"/>
      <c r="AU5" s="13"/>
      <c r="AV5" s="13"/>
      <c r="AW5" s="13"/>
      <c r="AX5" s="13"/>
      <c r="AY5" s="13"/>
      <c r="AZ5" s="13"/>
      <c r="BA5" s="13"/>
      <c r="BB5" s="13"/>
      <c r="BC5" s="13"/>
      <c r="BD5" s="13"/>
      <c r="BE5" s="13"/>
      <c r="BF5" s="13"/>
      <c r="BG5" s="13"/>
      <c r="BH5" s="13"/>
      <c r="BI5" s="13"/>
      <c r="BJ5" s="13"/>
      <c r="BK5" s="13"/>
    </row>
    <row r="6" spans="1:63" ht="15" thickBot="1" x14ac:dyDescent="0.4">
      <c r="A6" s="37" t="s">
        <v>12</v>
      </c>
      <c r="B6" s="39"/>
      <c r="C6" s="43"/>
      <c r="D6" s="15"/>
      <c r="E6" s="15"/>
      <c r="F6" s="15"/>
      <c r="G6" s="15"/>
      <c r="H6" s="15"/>
      <c r="I6" s="15"/>
      <c r="J6" s="15"/>
      <c r="K6" s="15"/>
      <c r="L6" s="15"/>
      <c r="M6" s="15"/>
      <c r="N6" s="15"/>
      <c r="O6" s="15"/>
      <c r="P6" s="15"/>
      <c r="Q6" s="15"/>
      <c r="R6" s="15"/>
      <c r="S6" s="15"/>
      <c r="T6" s="15"/>
      <c r="U6" s="15"/>
      <c r="V6" s="15"/>
      <c r="W6" s="15"/>
      <c r="X6" s="15"/>
      <c r="Y6" s="15"/>
      <c r="Z6" s="15"/>
      <c r="AA6" s="15"/>
      <c r="AB6" s="15"/>
      <c r="AC6" s="15"/>
      <c r="AD6" s="15"/>
      <c r="AE6" s="15"/>
      <c r="AF6" s="15"/>
      <c r="AG6" s="15"/>
      <c r="AH6" s="16"/>
      <c r="AI6" s="16"/>
      <c r="AJ6" s="16"/>
      <c r="AK6" s="16"/>
      <c r="AL6" s="25"/>
    </row>
    <row r="7" spans="1:63" x14ac:dyDescent="0.35">
      <c r="A7" s="26">
        <v>2022</v>
      </c>
      <c r="B7" s="44"/>
      <c r="C7" s="16"/>
      <c r="D7" s="16"/>
      <c r="E7" s="16"/>
      <c r="G7" s="70">
        <v>1</v>
      </c>
      <c r="H7" s="70">
        <v>2</v>
      </c>
      <c r="I7" s="17">
        <v>3</v>
      </c>
      <c r="J7" s="17">
        <v>4</v>
      </c>
      <c r="K7" s="17">
        <v>5</v>
      </c>
      <c r="L7" s="17">
        <v>6</v>
      </c>
      <c r="M7" s="17">
        <v>7</v>
      </c>
      <c r="N7" s="70">
        <v>8</v>
      </c>
      <c r="O7" s="70">
        <v>9</v>
      </c>
      <c r="P7" s="17">
        <v>10</v>
      </c>
      <c r="Q7" s="17">
        <v>11</v>
      </c>
      <c r="R7" s="17">
        <v>12</v>
      </c>
      <c r="S7" s="17">
        <v>13</v>
      </c>
      <c r="T7" s="17">
        <v>14</v>
      </c>
      <c r="U7" s="70">
        <v>15</v>
      </c>
      <c r="V7" s="70">
        <v>16</v>
      </c>
      <c r="W7" s="17">
        <v>17</v>
      </c>
      <c r="X7" s="17">
        <v>18</v>
      </c>
      <c r="Y7" s="17">
        <v>19</v>
      </c>
      <c r="Z7" s="17">
        <v>20</v>
      </c>
      <c r="AA7" s="17">
        <v>21</v>
      </c>
      <c r="AB7" s="70">
        <v>22</v>
      </c>
      <c r="AC7" s="70">
        <v>23</v>
      </c>
      <c r="AD7" s="17">
        <v>24</v>
      </c>
      <c r="AE7" s="17">
        <v>25</v>
      </c>
      <c r="AF7" s="17">
        <v>26</v>
      </c>
      <c r="AG7" s="17">
        <v>27</v>
      </c>
      <c r="AH7" s="17">
        <v>28</v>
      </c>
      <c r="AI7" s="70">
        <v>29</v>
      </c>
      <c r="AJ7" s="70">
        <v>30</v>
      </c>
      <c r="AK7" s="17">
        <v>31</v>
      </c>
      <c r="AL7" s="17"/>
    </row>
    <row r="8" spans="1:63" x14ac:dyDescent="0.35">
      <c r="A8" s="29" t="s">
        <v>13</v>
      </c>
      <c r="B8" s="19"/>
      <c r="C8" s="19"/>
      <c r="D8" s="19"/>
      <c r="E8" s="19"/>
      <c r="F8" s="19"/>
      <c r="G8" s="19"/>
      <c r="H8" s="19"/>
      <c r="I8" s="20" t="s">
        <v>14</v>
      </c>
      <c r="J8" s="20"/>
      <c r="K8" s="20"/>
      <c r="L8" s="20"/>
      <c r="M8" s="20"/>
      <c r="N8" s="19"/>
      <c r="O8" s="19"/>
      <c r="P8" s="20" t="s">
        <v>15</v>
      </c>
      <c r="Q8" s="20"/>
      <c r="R8" s="20"/>
      <c r="S8" s="20"/>
      <c r="T8" s="20"/>
      <c r="W8" s="14"/>
      <c r="X8" s="14"/>
      <c r="Y8" s="14"/>
      <c r="Z8" s="14"/>
      <c r="AA8" s="14"/>
      <c r="AB8" s="14"/>
      <c r="AC8" s="14"/>
      <c r="AD8" s="14"/>
      <c r="AE8" s="14"/>
      <c r="AF8" s="14"/>
      <c r="AG8" s="14"/>
      <c r="AH8" s="47"/>
      <c r="AI8" s="47"/>
      <c r="AJ8" s="47"/>
      <c r="AK8" s="16"/>
      <c r="AL8" s="25"/>
    </row>
    <row r="9" spans="1:63" x14ac:dyDescent="0.35">
      <c r="A9" s="27" t="s">
        <v>9</v>
      </c>
      <c r="B9" s="14"/>
      <c r="C9" s="14"/>
      <c r="D9" s="14"/>
      <c r="E9" s="14"/>
      <c r="F9" s="19"/>
      <c r="G9" s="14"/>
      <c r="H9" s="79"/>
      <c r="I9" s="14"/>
      <c r="J9" s="14"/>
      <c r="K9" s="18" t="s">
        <v>16</v>
      </c>
      <c r="L9" s="14"/>
      <c r="M9" s="14"/>
      <c r="N9" s="16"/>
      <c r="O9" s="16"/>
      <c r="P9" s="16"/>
      <c r="Q9" s="14"/>
      <c r="S9" s="14"/>
      <c r="T9" s="14"/>
      <c r="U9" s="18" t="s">
        <v>17</v>
      </c>
      <c r="V9" s="18"/>
      <c r="W9" s="14"/>
      <c r="X9" s="14"/>
      <c r="Z9" s="14"/>
      <c r="AA9" s="14"/>
      <c r="AB9" s="18" t="s">
        <v>18</v>
      </c>
      <c r="AC9" s="18"/>
      <c r="AD9" s="14"/>
      <c r="AE9" s="81" t="s">
        <v>85</v>
      </c>
      <c r="AF9" s="82"/>
      <c r="AG9" s="83"/>
      <c r="AJ9" s="14"/>
      <c r="AK9" s="16"/>
      <c r="AL9" s="17"/>
      <c r="AM9" s="17"/>
      <c r="AW9" s="10" t="s">
        <v>19</v>
      </c>
      <c r="AX9" s="10"/>
    </row>
    <row r="10" spans="1:63" ht="15" thickBot="1" x14ac:dyDescent="0.4">
      <c r="A10" s="35" t="s">
        <v>11</v>
      </c>
      <c r="B10" s="36"/>
      <c r="C10" s="14"/>
      <c r="D10" s="14"/>
      <c r="E10" s="14"/>
      <c r="F10" s="14"/>
      <c r="G10" s="14"/>
      <c r="H10" s="33" t="s">
        <v>20</v>
      </c>
      <c r="I10" s="33"/>
      <c r="J10" s="33"/>
      <c r="M10" s="14"/>
      <c r="N10" s="14"/>
      <c r="O10" s="14"/>
      <c r="P10" s="14"/>
      <c r="Q10" s="14"/>
      <c r="R10" s="14"/>
      <c r="S10" s="14"/>
      <c r="T10" s="14"/>
      <c r="W10" s="14"/>
      <c r="X10" s="14"/>
      <c r="Y10" s="14"/>
      <c r="Z10" s="14"/>
      <c r="AA10" s="14"/>
      <c r="AB10" s="33" t="s">
        <v>21</v>
      </c>
      <c r="AC10" s="33"/>
      <c r="AD10" s="14"/>
      <c r="AE10" s="14"/>
      <c r="AF10" s="14"/>
      <c r="AG10" s="14"/>
      <c r="AH10" s="33" t="s">
        <v>22</v>
      </c>
      <c r="AI10" s="33"/>
      <c r="AJ10" s="68"/>
      <c r="AK10" s="16"/>
      <c r="AL10" s="25"/>
    </row>
    <row r="11" spans="1:63" ht="15" thickBot="1" x14ac:dyDescent="0.4">
      <c r="A11" s="37" t="s">
        <v>23</v>
      </c>
      <c r="B11" s="39"/>
      <c r="C11" s="34"/>
      <c r="D11" s="15"/>
      <c r="E11" s="15"/>
      <c r="F11" s="15"/>
      <c r="G11" s="15"/>
      <c r="H11" s="15"/>
      <c r="I11" s="15"/>
      <c r="J11" s="15"/>
      <c r="K11" s="15"/>
      <c r="L11" s="15"/>
      <c r="M11" s="15"/>
      <c r="N11" s="15"/>
      <c r="O11" s="15"/>
      <c r="P11" s="15"/>
      <c r="Q11" s="15"/>
      <c r="R11" s="15"/>
      <c r="S11" s="15"/>
      <c r="T11" s="15"/>
      <c r="U11" s="15"/>
      <c r="V11" s="15"/>
      <c r="W11" s="15"/>
      <c r="X11" s="15"/>
      <c r="Y11" s="15"/>
      <c r="Z11" s="15"/>
      <c r="AA11" s="15"/>
      <c r="AB11" s="15"/>
      <c r="AC11" s="15"/>
      <c r="AD11" s="15"/>
      <c r="AE11" s="14"/>
      <c r="AF11" s="14"/>
      <c r="AG11" s="14"/>
      <c r="AH11" s="14"/>
      <c r="AI11" s="14"/>
      <c r="AJ11" s="14"/>
      <c r="AK11" s="14"/>
      <c r="AL11" s="28"/>
      <c r="AM11" s="3"/>
      <c r="AN11" s="1"/>
      <c r="AO11" s="1"/>
      <c r="AP11" s="7"/>
      <c r="AQ11" s="7"/>
      <c r="AR11" s="1"/>
      <c r="AS11" s="1"/>
      <c r="AT11" s="1"/>
      <c r="AU11" s="1"/>
      <c r="AV11" s="1"/>
      <c r="AW11" s="10" t="s">
        <v>24</v>
      </c>
      <c r="AX11" s="10"/>
      <c r="AY11" s="1"/>
      <c r="AZ11" s="1"/>
      <c r="BA11" s="1"/>
      <c r="BB11" s="1"/>
      <c r="BC11" s="1"/>
      <c r="BD11" s="7"/>
      <c r="BE11" s="7"/>
      <c r="BF11" s="1"/>
      <c r="BG11" s="1"/>
      <c r="BH11" s="1"/>
      <c r="BI11" s="1"/>
      <c r="BJ11" s="1"/>
      <c r="BK11" s="7"/>
    </row>
    <row r="12" spans="1:63" x14ac:dyDescent="0.35">
      <c r="A12" s="26">
        <v>2022</v>
      </c>
      <c r="B12" s="17"/>
      <c r="C12" s="17">
        <v>1</v>
      </c>
      <c r="D12" s="17">
        <v>2</v>
      </c>
      <c r="E12" s="17">
        <v>3</v>
      </c>
      <c r="F12" s="17">
        <v>4</v>
      </c>
      <c r="G12" s="70">
        <v>5</v>
      </c>
      <c r="H12" s="70">
        <v>6</v>
      </c>
      <c r="I12" s="17">
        <v>7</v>
      </c>
      <c r="J12" s="17">
        <v>8</v>
      </c>
      <c r="K12" s="17">
        <v>9</v>
      </c>
      <c r="L12" s="17">
        <v>10</v>
      </c>
      <c r="M12" s="17">
        <v>11</v>
      </c>
      <c r="N12" s="70">
        <v>12</v>
      </c>
      <c r="O12" s="70">
        <v>13</v>
      </c>
      <c r="P12" s="17">
        <v>14</v>
      </c>
      <c r="Q12" s="17">
        <v>15</v>
      </c>
      <c r="R12" s="17">
        <v>16</v>
      </c>
      <c r="S12" s="17">
        <v>17</v>
      </c>
      <c r="T12" s="17">
        <v>18</v>
      </c>
      <c r="U12" s="70">
        <v>19</v>
      </c>
      <c r="V12" s="70">
        <v>20</v>
      </c>
      <c r="W12" s="17">
        <v>21</v>
      </c>
      <c r="X12" s="17">
        <v>22</v>
      </c>
      <c r="Y12" s="17">
        <v>23</v>
      </c>
      <c r="Z12" s="17">
        <v>24</v>
      </c>
      <c r="AA12" s="17">
        <v>25</v>
      </c>
      <c r="AB12" s="70">
        <v>26</v>
      </c>
      <c r="AC12" s="70">
        <v>27</v>
      </c>
      <c r="AD12" s="17">
        <v>28</v>
      </c>
      <c r="AE12" s="17">
        <v>29</v>
      </c>
      <c r="AF12" s="17">
        <v>30</v>
      </c>
      <c r="AG12" s="17"/>
      <c r="AH12" s="17"/>
      <c r="AL12" s="65"/>
      <c r="AM12" s="3"/>
      <c r="AN12" s="1"/>
      <c r="AO12" s="1"/>
      <c r="AP12" s="7"/>
      <c r="AQ12" s="7"/>
      <c r="AR12" s="1"/>
      <c r="AS12" s="1"/>
      <c r="AT12" s="1"/>
      <c r="AU12" s="1"/>
      <c r="AV12" s="1"/>
      <c r="AW12" s="7"/>
      <c r="AX12" s="7"/>
      <c r="AY12" s="1"/>
      <c r="AZ12" s="1"/>
      <c r="BA12" s="1"/>
      <c r="BB12" s="1"/>
      <c r="BC12" s="1"/>
      <c r="BD12" s="7"/>
      <c r="BE12" s="7"/>
      <c r="BF12" s="1"/>
      <c r="BG12" s="1"/>
      <c r="BH12" s="1"/>
      <c r="BI12" s="1"/>
      <c r="BJ12" s="1"/>
      <c r="BK12" s="7"/>
    </row>
    <row r="13" spans="1:63" x14ac:dyDescent="0.35">
      <c r="A13" s="29" t="s">
        <v>13</v>
      </c>
      <c r="B13" s="16"/>
      <c r="C13" s="16"/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  <c r="Q13" s="14"/>
      <c r="R13" s="14"/>
      <c r="S13" s="14"/>
      <c r="T13" s="14"/>
      <c r="U13" s="14"/>
      <c r="V13" s="14"/>
      <c r="W13" s="14"/>
      <c r="X13" s="14"/>
      <c r="Y13" s="14"/>
      <c r="Z13" s="14"/>
      <c r="AA13" s="14"/>
      <c r="AB13" s="14"/>
      <c r="AC13" s="14"/>
      <c r="AD13" s="14"/>
      <c r="AE13" s="14"/>
      <c r="AF13" s="14"/>
      <c r="AG13" s="14"/>
      <c r="AH13" s="14"/>
      <c r="AI13" s="14"/>
      <c r="AJ13" s="14"/>
      <c r="AK13" s="14"/>
      <c r="AL13" s="28"/>
      <c r="AM13" s="3"/>
      <c r="AN13" s="1"/>
      <c r="AO13" s="1"/>
      <c r="AP13" s="7"/>
      <c r="AQ13" s="7"/>
      <c r="AR13" s="1"/>
      <c r="AS13" s="1"/>
      <c r="AT13" s="1"/>
      <c r="AU13" s="1"/>
      <c r="AV13" s="1"/>
      <c r="AW13" s="7"/>
      <c r="AX13" s="7"/>
      <c r="AY13" s="1"/>
      <c r="AZ13" s="1"/>
      <c r="BA13" s="1"/>
      <c r="BB13" s="1"/>
      <c r="BC13" s="1"/>
      <c r="BD13" s="7"/>
      <c r="BE13" s="7"/>
      <c r="BF13" s="1"/>
      <c r="BG13" s="1"/>
      <c r="BH13" s="1"/>
      <c r="BI13" s="1"/>
      <c r="BJ13" s="1"/>
      <c r="BK13" s="7"/>
    </row>
    <row r="14" spans="1:63" x14ac:dyDescent="0.35">
      <c r="A14" s="30" t="s">
        <v>9</v>
      </c>
      <c r="C14" s="16"/>
      <c r="D14" s="18" t="s">
        <v>25</v>
      </c>
      <c r="E14" s="14"/>
      <c r="F14" s="16"/>
      <c r="I14" s="14"/>
      <c r="J14" s="14"/>
      <c r="K14" s="14"/>
      <c r="L14" s="14"/>
      <c r="M14" s="18" t="s">
        <v>26</v>
      </c>
      <c r="N14" s="18"/>
      <c r="O14" s="18"/>
      <c r="P14" s="14"/>
      <c r="Q14" s="14"/>
      <c r="S14" s="14"/>
      <c r="W14" s="14"/>
      <c r="X14" s="14"/>
      <c r="Y14" s="18" t="s">
        <v>27</v>
      </c>
      <c r="Z14" s="14"/>
      <c r="AA14" s="14"/>
      <c r="AG14" s="16"/>
      <c r="AH14" s="14"/>
      <c r="AI14" s="14"/>
      <c r="AJ14" s="14"/>
      <c r="AK14" s="14"/>
      <c r="AL14" s="28"/>
      <c r="AM14" s="3"/>
      <c r="AN14" s="1"/>
      <c r="AO14" s="1"/>
      <c r="AP14" s="7"/>
      <c r="AQ14" s="7"/>
      <c r="AR14" s="1"/>
      <c r="AS14" s="1"/>
      <c r="AT14" s="1"/>
      <c r="AU14" s="1"/>
      <c r="AV14" s="1"/>
      <c r="AW14" s="7"/>
      <c r="AX14" s="7"/>
      <c r="AY14" s="1"/>
      <c r="AZ14" s="1"/>
      <c r="BA14" s="1"/>
      <c r="BB14" s="1"/>
      <c r="BC14" s="1"/>
      <c r="BD14" s="7"/>
      <c r="BE14" s="7"/>
      <c r="BF14" s="1"/>
      <c r="BG14" s="1"/>
      <c r="BH14" s="1"/>
      <c r="BI14" s="1"/>
      <c r="BJ14" s="1"/>
      <c r="BK14" s="7"/>
    </row>
    <row r="15" spans="1:63" x14ac:dyDescent="0.35">
      <c r="A15" s="35" t="s">
        <v>11</v>
      </c>
      <c r="B15" s="42"/>
      <c r="C15" s="16"/>
      <c r="D15" s="14"/>
      <c r="E15" s="14"/>
      <c r="F15" s="14"/>
      <c r="G15" s="52" t="s">
        <v>28</v>
      </c>
      <c r="H15" s="51"/>
      <c r="I15" s="14"/>
      <c r="J15" s="14"/>
      <c r="K15" s="14"/>
      <c r="L15" s="14"/>
      <c r="N15" s="52" t="s">
        <v>29</v>
      </c>
      <c r="P15" s="14"/>
      <c r="Q15" s="14"/>
      <c r="R15" s="14"/>
      <c r="S15" s="14"/>
      <c r="T15" s="14"/>
      <c r="U15" s="53" t="s">
        <v>30</v>
      </c>
      <c r="V15" s="53"/>
      <c r="W15" s="14"/>
      <c r="X15" s="14"/>
      <c r="Y15" s="14"/>
      <c r="Z15" s="14"/>
      <c r="AA15" s="14"/>
      <c r="AB15" s="53" t="s">
        <v>31</v>
      </c>
      <c r="AC15" s="53"/>
      <c r="AD15" s="14"/>
      <c r="AE15" s="14"/>
      <c r="AF15" s="14"/>
      <c r="AG15" s="14"/>
      <c r="AH15" s="14"/>
      <c r="AI15" s="14"/>
      <c r="AJ15" s="14"/>
      <c r="AK15" s="14"/>
      <c r="AL15" s="28"/>
      <c r="AM15" s="3"/>
      <c r="AN15" s="1"/>
      <c r="AO15" s="1"/>
      <c r="AP15" s="1"/>
      <c r="AQ15" s="1"/>
      <c r="AR15" s="1"/>
      <c r="AS15" s="1"/>
      <c r="AT15" s="1"/>
      <c r="AU15" s="1"/>
      <c r="AV15" s="1"/>
      <c r="AW15" s="18" t="s">
        <v>32</v>
      </c>
      <c r="AX15" s="18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</row>
    <row r="16" spans="1:63" x14ac:dyDescent="0.35">
      <c r="A16" s="35" t="s">
        <v>11</v>
      </c>
      <c r="B16" s="54"/>
      <c r="C16" s="43"/>
      <c r="D16" s="14"/>
      <c r="E16" s="14"/>
      <c r="F16" s="14"/>
      <c r="G16" s="14"/>
      <c r="H16" s="14"/>
      <c r="I16" s="14"/>
      <c r="J16" s="14"/>
      <c r="K16" s="14"/>
      <c r="L16" s="14"/>
      <c r="M16" s="14"/>
      <c r="P16" s="14"/>
      <c r="Q16" s="14"/>
      <c r="R16" s="14"/>
      <c r="S16" s="14"/>
      <c r="T16" s="14"/>
      <c r="U16" s="53" t="s">
        <v>33</v>
      </c>
      <c r="V16" s="53"/>
      <c r="W16" s="14"/>
      <c r="X16" s="14"/>
      <c r="Y16" s="14"/>
      <c r="Z16" s="14"/>
      <c r="AA16" s="14"/>
      <c r="AB16" s="53" t="s">
        <v>34</v>
      </c>
      <c r="AC16" s="14"/>
      <c r="AD16" s="14"/>
      <c r="AE16" s="14"/>
      <c r="AF16" s="14"/>
      <c r="AG16" s="14"/>
      <c r="AH16" s="14"/>
      <c r="AI16" s="14"/>
      <c r="AJ16" s="14"/>
      <c r="AK16" s="14"/>
      <c r="AL16" s="28"/>
      <c r="AM16" s="13"/>
      <c r="AN16" s="1"/>
      <c r="AO16" s="1"/>
      <c r="AP16" s="1"/>
      <c r="AQ16" s="1"/>
      <c r="AR16" s="1"/>
      <c r="AS16" s="1"/>
      <c r="AT16" s="1"/>
      <c r="AU16" s="1"/>
      <c r="AV16" s="1"/>
      <c r="AW16" s="55"/>
      <c r="AX16" s="55"/>
      <c r="AY16" s="1"/>
      <c r="AZ16" s="1"/>
      <c r="BA16" s="1"/>
      <c r="BB16" s="1"/>
      <c r="BC16" s="1"/>
      <c r="BD16" s="1"/>
      <c r="BE16" s="1"/>
      <c r="BF16" s="1"/>
      <c r="BG16" s="1"/>
      <c r="BH16" s="1"/>
      <c r="BI16" s="1"/>
      <c r="BJ16" s="1"/>
      <c r="BK16" s="1"/>
    </row>
    <row r="17" spans="1:63" ht="15" thickBot="1" x14ac:dyDescent="0.4">
      <c r="A17" s="74"/>
      <c r="B17" s="54"/>
      <c r="C17" s="43"/>
      <c r="D17" s="14"/>
      <c r="E17" s="14"/>
      <c r="F17" s="14"/>
      <c r="G17" s="14"/>
      <c r="H17" s="14"/>
      <c r="I17" s="14"/>
      <c r="J17" s="14"/>
      <c r="K17" s="14"/>
      <c r="L17" s="14"/>
      <c r="M17" s="14"/>
      <c r="P17" s="14"/>
      <c r="Q17" s="14"/>
      <c r="R17" s="14"/>
      <c r="S17" s="14"/>
      <c r="T17" s="33" t="s">
        <v>35</v>
      </c>
      <c r="U17" s="33"/>
      <c r="V17" s="33"/>
      <c r="W17" s="14"/>
      <c r="X17" s="14"/>
      <c r="Y17" s="14"/>
      <c r="Z17" s="14"/>
      <c r="AA17" s="14"/>
      <c r="AB17" s="53"/>
      <c r="AC17" s="14"/>
      <c r="AD17" s="14"/>
      <c r="AE17" s="14"/>
      <c r="AF17" s="14"/>
      <c r="AG17" s="14"/>
      <c r="AH17" s="14"/>
      <c r="AI17" s="14"/>
      <c r="AJ17" s="14"/>
      <c r="AK17" s="14"/>
      <c r="AL17" s="28"/>
      <c r="AM17" s="13"/>
      <c r="AN17" s="3"/>
      <c r="AO17" s="1"/>
      <c r="AP17" s="1"/>
      <c r="AQ17" s="1"/>
      <c r="AR17" s="1"/>
      <c r="AS17" s="1"/>
      <c r="AT17" s="1"/>
      <c r="AU17" s="1"/>
      <c r="AV17" s="1"/>
      <c r="AW17" s="55"/>
      <c r="AX17" s="55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</row>
    <row r="18" spans="1:63" ht="15" thickBot="1" x14ac:dyDescent="0.4">
      <c r="A18" s="37" t="s">
        <v>36</v>
      </c>
      <c r="B18" s="41"/>
      <c r="C18" s="34"/>
      <c r="D18" s="15"/>
      <c r="E18" s="15"/>
      <c r="F18" s="15"/>
      <c r="G18" s="15"/>
      <c r="H18" s="15"/>
      <c r="I18" s="15"/>
      <c r="J18" s="15"/>
      <c r="K18" s="15"/>
      <c r="L18" s="15"/>
      <c r="M18" s="15"/>
      <c r="N18" s="15"/>
      <c r="O18" s="15"/>
      <c r="P18" s="15"/>
      <c r="Q18" s="15"/>
      <c r="R18" s="15"/>
      <c r="S18" s="15"/>
      <c r="T18" s="15"/>
      <c r="U18" s="15"/>
      <c r="V18" s="15"/>
      <c r="W18" s="15"/>
      <c r="X18" s="15"/>
      <c r="Y18" s="15"/>
      <c r="Z18" s="15"/>
      <c r="AA18" s="15"/>
      <c r="AB18" s="15"/>
      <c r="AC18" s="15"/>
      <c r="AD18" s="15"/>
      <c r="AE18" s="15"/>
      <c r="AF18" s="15"/>
      <c r="AG18" s="14"/>
      <c r="AH18" s="14"/>
      <c r="AI18" s="14"/>
      <c r="AJ18" s="14"/>
      <c r="AK18" s="16"/>
      <c r="AL18" s="28"/>
      <c r="AM18" s="13"/>
      <c r="AN18" s="3"/>
      <c r="AO18" s="1"/>
      <c r="AP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</row>
    <row r="19" spans="1:63" x14ac:dyDescent="0.35">
      <c r="A19" s="26">
        <v>2022</v>
      </c>
      <c r="B19" s="17"/>
      <c r="C19" s="17"/>
      <c r="D19" s="17"/>
      <c r="E19" s="17">
        <v>1</v>
      </c>
      <c r="F19" s="17">
        <v>2</v>
      </c>
      <c r="G19" s="70">
        <v>3</v>
      </c>
      <c r="H19" s="70">
        <v>4</v>
      </c>
      <c r="I19" s="17">
        <v>5</v>
      </c>
      <c r="J19" s="17">
        <v>6</v>
      </c>
      <c r="K19" s="17">
        <v>7</v>
      </c>
      <c r="L19" s="17">
        <v>8</v>
      </c>
      <c r="M19" s="17">
        <v>9</v>
      </c>
      <c r="N19" s="70">
        <v>10</v>
      </c>
      <c r="O19" s="70">
        <v>11</v>
      </c>
      <c r="P19" s="17">
        <v>12</v>
      </c>
      <c r="Q19" s="17">
        <v>13</v>
      </c>
      <c r="R19" s="17">
        <v>14</v>
      </c>
      <c r="S19" s="17">
        <v>15</v>
      </c>
      <c r="T19" s="17">
        <v>16</v>
      </c>
      <c r="U19" s="70">
        <v>17</v>
      </c>
      <c r="V19" s="70">
        <v>18</v>
      </c>
      <c r="W19" s="17">
        <v>19</v>
      </c>
      <c r="X19" s="17">
        <v>20</v>
      </c>
      <c r="Y19" s="17">
        <v>21</v>
      </c>
      <c r="Z19" s="17">
        <v>22</v>
      </c>
      <c r="AA19" s="17">
        <v>23</v>
      </c>
      <c r="AB19" s="70">
        <v>24</v>
      </c>
      <c r="AC19" s="70">
        <v>25</v>
      </c>
      <c r="AD19" s="17">
        <v>26</v>
      </c>
      <c r="AE19" s="17">
        <v>27</v>
      </c>
      <c r="AF19" s="17">
        <v>28</v>
      </c>
      <c r="AG19" s="17">
        <v>29</v>
      </c>
      <c r="AH19" s="17">
        <v>30</v>
      </c>
      <c r="AI19" s="70">
        <v>31</v>
      </c>
      <c r="AJ19" s="17"/>
      <c r="AK19" s="17"/>
      <c r="AL19" s="28"/>
      <c r="AM19" s="6"/>
      <c r="AN19" s="1"/>
      <c r="AO19" s="1"/>
      <c r="AP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</row>
    <row r="20" spans="1:63" x14ac:dyDescent="0.35">
      <c r="A20" s="29" t="s">
        <v>13</v>
      </c>
      <c r="B20" s="14"/>
      <c r="C20" s="14"/>
      <c r="D20" s="14"/>
      <c r="E20" s="14"/>
      <c r="F20" s="14"/>
      <c r="G20" s="14"/>
      <c r="H20" s="14"/>
      <c r="I20" s="14"/>
      <c r="J20" s="14"/>
      <c r="K20" s="14"/>
      <c r="L20" s="14"/>
      <c r="M20" s="14"/>
      <c r="N20" s="14"/>
      <c r="O20" s="14"/>
      <c r="P20" s="14"/>
      <c r="Q20" s="14"/>
      <c r="R20" s="14"/>
      <c r="S20" s="14"/>
      <c r="T20" s="14"/>
      <c r="U20" s="14"/>
      <c r="V20" s="16"/>
      <c r="W20" s="14"/>
      <c r="X20" s="14"/>
      <c r="Y20" s="20" t="s">
        <v>37</v>
      </c>
      <c r="Z20" s="20"/>
      <c r="AA20" s="20"/>
      <c r="AB20" s="20"/>
      <c r="AC20" s="20"/>
      <c r="AD20" s="20"/>
      <c r="AE20" s="20"/>
      <c r="AF20" s="20"/>
      <c r="AG20" s="20"/>
      <c r="AH20" s="14"/>
      <c r="AI20" s="14"/>
      <c r="AJ20" s="14"/>
      <c r="AK20" s="14"/>
      <c r="AL20" s="28"/>
      <c r="AM20" s="3"/>
      <c r="AN20" s="1"/>
      <c r="AO20" s="1"/>
      <c r="AP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</row>
    <row r="21" spans="1:63" x14ac:dyDescent="0.35">
      <c r="A21" s="27" t="s">
        <v>9</v>
      </c>
      <c r="B21" s="14"/>
      <c r="C21" s="14"/>
      <c r="E21" s="14"/>
      <c r="F21" s="16"/>
      <c r="G21" s="18" t="s">
        <v>38</v>
      </c>
      <c r="H21" s="18"/>
      <c r="I21" s="16"/>
      <c r="J21" s="14"/>
      <c r="K21" s="80"/>
      <c r="L21" s="16"/>
      <c r="M21" s="16"/>
      <c r="N21" s="18" t="s">
        <v>39</v>
      </c>
      <c r="O21" s="18"/>
      <c r="P21" s="84" t="s">
        <v>86</v>
      </c>
      <c r="Q21" s="80"/>
      <c r="S21" s="14"/>
      <c r="T21" s="14"/>
      <c r="U21" s="18" t="s">
        <v>40</v>
      </c>
      <c r="V21" s="18"/>
      <c r="W21" s="14"/>
      <c r="X21" s="14"/>
      <c r="Y21" s="14"/>
      <c r="Z21" s="14"/>
      <c r="AA21" s="14"/>
      <c r="AB21" s="16"/>
      <c r="AD21" s="18" t="s">
        <v>41</v>
      </c>
      <c r="AE21" s="14"/>
      <c r="AF21" s="14"/>
      <c r="AG21" s="14"/>
      <c r="AH21" s="14"/>
      <c r="AI21" s="14"/>
      <c r="AJ21" s="14"/>
      <c r="AK21" s="17"/>
      <c r="AL21" s="17"/>
      <c r="AM21" s="3"/>
      <c r="AN21" s="1"/>
      <c r="AO21" s="1"/>
      <c r="AP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</row>
    <row r="22" spans="1:63" x14ac:dyDescent="0.35">
      <c r="A22" s="35" t="s">
        <v>11</v>
      </c>
      <c r="B22" s="36"/>
      <c r="C22" s="14"/>
      <c r="D22" s="14"/>
      <c r="E22" s="14"/>
      <c r="F22" s="14"/>
      <c r="G22" s="53" t="s">
        <v>42</v>
      </c>
      <c r="H22" s="14"/>
      <c r="I22" s="14"/>
      <c r="J22" s="14"/>
      <c r="K22" s="14"/>
      <c r="L22" s="14"/>
      <c r="M22" s="53" t="s">
        <v>43</v>
      </c>
      <c r="N22" s="53"/>
      <c r="O22" s="53"/>
      <c r="P22" s="14"/>
      <c r="Q22" s="14"/>
      <c r="R22" s="14"/>
      <c r="S22" s="14"/>
      <c r="T22" s="53" t="s">
        <v>44</v>
      </c>
      <c r="U22" s="53"/>
      <c r="V22" s="53"/>
      <c r="W22" s="14"/>
      <c r="X22" s="14"/>
      <c r="Y22" s="14"/>
      <c r="Z22" s="14"/>
      <c r="AA22" s="14"/>
      <c r="AB22" s="14"/>
      <c r="AC22" s="14"/>
      <c r="AD22" s="14"/>
      <c r="AE22" s="14"/>
      <c r="AF22" s="14"/>
      <c r="AG22" s="53" t="s">
        <v>45</v>
      </c>
      <c r="AH22" s="14"/>
      <c r="AI22" s="14"/>
      <c r="AJ22" s="14"/>
      <c r="AK22" s="14"/>
      <c r="AL22" s="28"/>
      <c r="AM22" s="3"/>
      <c r="AN22" s="1"/>
      <c r="AO22" s="1"/>
      <c r="AP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</row>
    <row r="23" spans="1:63" x14ac:dyDescent="0.35">
      <c r="A23" s="35" t="s">
        <v>11</v>
      </c>
      <c r="B23" s="45"/>
      <c r="C23" s="46"/>
      <c r="D23" s="14"/>
      <c r="E23" s="14"/>
      <c r="F23" s="14"/>
      <c r="G23" s="53" t="s">
        <v>46</v>
      </c>
      <c r="H23" s="53"/>
      <c r="I23" s="14"/>
      <c r="J23" s="14"/>
      <c r="K23" s="14"/>
      <c r="L23" s="14"/>
      <c r="M23" s="19"/>
      <c r="N23" s="53" t="s">
        <v>47</v>
      </c>
      <c r="O23" s="53"/>
      <c r="P23" s="14"/>
      <c r="Q23" s="14"/>
      <c r="R23" s="14"/>
      <c r="S23" s="14"/>
      <c r="T23" s="14"/>
      <c r="U23" s="53" t="s">
        <v>48</v>
      </c>
      <c r="W23" s="14"/>
      <c r="X23" s="14"/>
      <c r="Y23" s="14"/>
      <c r="Z23" s="14"/>
      <c r="AA23" s="14"/>
      <c r="AB23" s="14"/>
      <c r="AC23" s="14"/>
      <c r="AD23" s="14"/>
      <c r="AE23" s="14"/>
      <c r="AF23" s="14"/>
      <c r="AG23" s="14"/>
      <c r="AH23" s="14"/>
      <c r="AI23" s="14"/>
      <c r="AJ23" s="14"/>
      <c r="AK23" s="14"/>
      <c r="AL23" s="28"/>
      <c r="AM23" s="13"/>
      <c r="AN23" s="13"/>
      <c r="AO23" s="13"/>
      <c r="AP23" s="13"/>
      <c r="AQ23" s="13"/>
      <c r="AR23" s="13"/>
      <c r="AS23" s="13"/>
      <c r="AT23" s="13"/>
      <c r="AU23" s="13"/>
      <c r="AV23" s="13"/>
      <c r="AW23" s="13"/>
      <c r="AX23" s="13"/>
      <c r="AY23" s="13"/>
      <c r="AZ23" s="13"/>
      <c r="BA23" s="13"/>
      <c r="BB23" s="13"/>
      <c r="BC23" s="13"/>
      <c r="BD23" s="13"/>
      <c r="BE23" s="13"/>
      <c r="BF23" s="13"/>
      <c r="BG23" s="13"/>
      <c r="BH23" s="13"/>
      <c r="BI23" s="13"/>
      <c r="BJ23" s="13"/>
      <c r="BK23" s="1"/>
    </row>
    <row r="24" spans="1:63" ht="15" thickBot="1" x14ac:dyDescent="0.4">
      <c r="A24" s="35" t="s">
        <v>11</v>
      </c>
      <c r="B24" s="45"/>
      <c r="C24" s="46"/>
      <c r="D24" s="14"/>
      <c r="E24" s="14"/>
      <c r="F24" s="14"/>
      <c r="G24" s="53"/>
      <c r="H24" s="53"/>
      <c r="I24" s="14"/>
      <c r="J24" s="14"/>
      <c r="K24" s="14"/>
      <c r="L24" s="14"/>
      <c r="M24" s="19"/>
      <c r="N24" s="14"/>
      <c r="O24" s="53" t="s">
        <v>49</v>
      </c>
      <c r="P24" s="14"/>
      <c r="Q24" s="14"/>
      <c r="R24" s="14"/>
      <c r="S24" s="14"/>
      <c r="T24" s="14"/>
      <c r="U24" s="14"/>
      <c r="V24" s="14"/>
      <c r="W24" s="14"/>
      <c r="X24" s="14"/>
      <c r="Y24" s="14"/>
      <c r="Z24" s="14"/>
      <c r="AA24" s="14"/>
      <c r="AB24" s="14"/>
      <c r="AC24" s="14"/>
      <c r="AD24" s="14"/>
      <c r="AE24" s="14"/>
      <c r="AF24" s="14"/>
      <c r="AG24" s="14"/>
      <c r="AH24" s="14"/>
      <c r="AI24" s="14"/>
      <c r="AJ24" s="14"/>
      <c r="AK24" s="14"/>
      <c r="AL24" s="28"/>
      <c r="AM24" s="13"/>
      <c r="AN24" s="13"/>
      <c r="AO24" s="13"/>
      <c r="AP24" s="13"/>
      <c r="AQ24" s="13"/>
      <c r="AR24" s="13"/>
      <c r="AS24" s="13"/>
      <c r="AT24" s="13"/>
      <c r="AU24" s="13"/>
      <c r="AV24" s="13"/>
      <c r="AW24" s="13"/>
      <c r="AX24" s="13"/>
      <c r="AY24" s="13"/>
      <c r="AZ24" s="13"/>
      <c r="BA24" s="13"/>
      <c r="BB24" s="13"/>
      <c r="BC24" s="13"/>
      <c r="BD24" s="13"/>
      <c r="BE24" s="13"/>
      <c r="BF24" s="13"/>
      <c r="BG24" s="13"/>
      <c r="BH24" s="13"/>
      <c r="BI24" s="13"/>
      <c r="BJ24" s="13"/>
      <c r="BK24" s="1"/>
    </row>
    <row r="25" spans="1:63" ht="15" thickBot="1" x14ac:dyDescent="0.4">
      <c r="A25" s="37" t="s">
        <v>50</v>
      </c>
      <c r="B25" s="41"/>
      <c r="C25" s="34"/>
      <c r="D25" s="15"/>
      <c r="E25" s="15"/>
      <c r="F25" s="15"/>
      <c r="G25" s="15"/>
      <c r="H25" s="15"/>
      <c r="I25" s="15"/>
      <c r="J25" s="15"/>
      <c r="K25" s="15"/>
      <c r="L25" s="15"/>
      <c r="M25" s="15"/>
      <c r="N25" s="15"/>
      <c r="O25" s="15"/>
      <c r="P25" s="15"/>
      <c r="Q25" s="15"/>
      <c r="R25" s="15"/>
      <c r="S25" s="15"/>
      <c r="T25" s="15"/>
      <c r="U25" s="15"/>
      <c r="V25" s="15"/>
      <c r="W25" s="15"/>
      <c r="X25" s="15"/>
      <c r="Y25" s="15"/>
      <c r="Z25" s="15"/>
      <c r="AA25" s="15"/>
      <c r="AB25" s="15"/>
      <c r="AC25" s="15"/>
      <c r="AD25" s="15"/>
      <c r="AE25" s="15"/>
      <c r="AF25" s="15"/>
      <c r="AG25" s="16"/>
      <c r="AH25" s="16"/>
      <c r="AI25" s="16"/>
      <c r="AJ25" s="16"/>
      <c r="AK25" s="16"/>
      <c r="AL25" s="71"/>
      <c r="BK25" s="1"/>
    </row>
    <row r="26" spans="1:63" x14ac:dyDescent="0.35">
      <c r="A26" s="26">
        <v>2023</v>
      </c>
      <c r="B26" s="40"/>
      <c r="C26" s="16"/>
      <c r="D26" s="16"/>
      <c r="E26" s="16"/>
      <c r="F26" s="16"/>
      <c r="H26" s="70">
        <v>1</v>
      </c>
      <c r="I26" s="17">
        <v>2</v>
      </c>
      <c r="J26" s="17">
        <v>3</v>
      </c>
      <c r="K26" s="17">
        <v>4</v>
      </c>
      <c r="L26" s="17">
        <v>5</v>
      </c>
      <c r="M26" s="17">
        <v>6</v>
      </c>
      <c r="N26" s="70">
        <v>7</v>
      </c>
      <c r="O26" s="70">
        <v>8</v>
      </c>
      <c r="P26" s="17">
        <v>9</v>
      </c>
      <c r="Q26" s="17">
        <v>10</v>
      </c>
      <c r="R26" s="17">
        <v>11</v>
      </c>
      <c r="S26" s="17">
        <v>12</v>
      </c>
      <c r="T26" s="17">
        <v>13</v>
      </c>
      <c r="U26" s="70">
        <v>14</v>
      </c>
      <c r="V26" s="70">
        <v>15</v>
      </c>
      <c r="W26" s="17">
        <v>16</v>
      </c>
      <c r="X26" s="17">
        <v>17</v>
      </c>
      <c r="Y26" s="17">
        <v>18</v>
      </c>
      <c r="Z26" s="17">
        <v>19</v>
      </c>
      <c r="AA26" s="17">
        <v>20</v>
      </c>
      <c r="AB26" s="70">
        <v>21</v>
      </c>
      <c r="AC26" s="70">
        <v>22</v>
      </c>
      <c r="AD26" s="17">
        <v>23</v>
      </c>
      <c r="AE26" s="17">
        <v>24</v>
      </c>
      <c r="AF26" s="17">
        <v>25</v>
      </c>
      <c r="AG26" s="17">
        <v>26</v>
      </c>
      <c r="AH26" s="17">
        <v>27</v>
      </c>
      <c r="AI26" s="70">
        <v>28</v>
      </c>
      <c r="AJ26" s="70">
        <v>29</v>
      </c>
      <c r="AK26" s="17">
        <v>30</v>
      </c>
      <c r="AL26" s="72">
        <v>31</v>
      </c>
      <c r="AM26" s="73"/>
      <c r="AN26" s="73"/>
      <c r="AO26" s="73"/>
      <c r="BK26" s="1"/>
    </row>
    <row r="27" spans="1:63" x14ac:dyDescent="0.35">
      <c r="A27" s="29" t="s">
        <v>13</v>
      </c>
      <c r="B27" s="14"/>
      <c r="C27" s="14"/>
      <c r="D27" s="14"/>
      <c r="E27" s="14"/>
      <c r="F27" s="19"/>
      <c r="G27" s="14"/>
      <c r="H27" s="14"/>
      <c r="I27" s="15"/>
      <c r="J27" s="15"/>
      <c r="K27" s="14"/>
      <c r="L27" s="14"/>
      <c r="M27" s="14"/>
      <c r="N27" s="14"/>
      <c r="O27" s="14"/>
      <c r="P27" s="14"/>
      <c r="Q27" s="14"/>
      <c r="R27" s="14"/>
      <c r="S27" s="14"/>
      <c r="T27" s="14"/>
      <c r="U27" s="14"/>
      <c r="V27" s="14"/>
      <c r="W27" s="14"/>
      <c r="X27" s="14"/>
      <c r="Y27" s="14"/>
      <c r="Z27" s="14"/>
      <c r="AA27" s="14"/>
      <c r="AB27" s="14"/>
      <c r="AC27" s="14"/>
      <c r="AD27" s="14"/>
      <c r="AE27" s="14"/>
      <c r="AF27" s="14"/>
      <c r="AG27" s="16"/>
      <c r="AH27" s="16"/>
      <c r="AI27" s="16"/>
      <c r="AJ27" s="16"/>
      <c r="AK27" s="16"/>
      <c r="AL27" s="71"/>
      <c r="BK27" s="1"/>
    </row>
    <row r="28" spans="1:63" x14ac:dyDescent="0.35">
      <c r="A28" s="27" t="s">
        <v>9</v>
      </c>
      <c r="B28" s="14"/>
      <c r="C28" s="14"/>
      <c r="D28" s="14"/>
      <c r="E28" s="14"/>
      <c r="F28" s="14"/>
      <c r="G28" s="14"/>
      <c r="H28" s="14"/>
      <c r="I28" s="16"/>
      <c r="J28" s="14"/>
      <c r="K28" s="18" t="s">
        <v>51</v>
      </c>
      <c r="L28" s="14"/>
      <c r="M28" s="16"/>
      <c r="N28" s="16"/>
      <c r="O28" s="16"/>
      <c r="P28" s="16"/>
      <c r="Q28" s="14"/>
      <c r="R28" s="18" t="s">
        <v>52</v>
      </c>
      <c r="S28" s="16"/>
      <c r="T28" s="16"/>
      <c r="U28" s="14"/>
      <c r="V28" s="14"/>
      <c r="W28" s="14"/>
      <c r="X28" s="14"/>
      <c r="Z28" s="14"/>
      <c r="AA28" s="18" t="s">
        <v>53</v>
      </c>
      <c r="AC28" s="18"/>
      <c r="AG28" s="16"/>
      <c r="AH28" s="16"/>
      <c r="AI28" s="14"/>
      <c r="AJ28" s="14"/>
      <c r="AK28" s="16"/>
      <c r="AL28" s="25"/>
      <c r="BK28" s="1"/>
    </row>
    <row r="29" spans="1:63" x14ac:dyDescent="0.35">
      <c r="A29" s="35" t="s">
        <v>11</v>
      </c>
      <c r="B29" s="36"/>
      <c r="C29" s="14"/>
      <c r="D29" s="14"/>
      <c r="E29" s="14"/>
      <c r="F29" s="14"/>
      <c r="G29" s="14"/>
      <c r="H29" s="14"/>
      <c r="I29" s="14"/>
      <c r="J29" s="14"/>
      <c r="K29" s="14"/>
      <c r="L29" s="14"/>
      <c r="M29" s="53" t="s">
        <v>54</v>
      </c>
      <c r="N29" s="53"/>
      <c r="O29" s="53"/>
      <c r="P29" s="14"/>
      <c r="Q29" s="14"/>
      <c r="R29" s="14"/>
      <c r="S29" s="14"/>
      <c r="T29" s="14"/>
      <c r="U29" s="53" t="s">
        <v>55</v>
      </c>
      <c r="V29" s="53"/>
      <c r="W29" s="14"/>
      <c r="X29" s="14"/>
      <c r="Y29" s="14"/>
      <c r="Z29" s="14"/>
      <c r="AA29" s="14"/>
      <c r="AB29" s="14"/>
      <c r="AC29" s="14"/>
      <c r="AD29" s="14"/>
      <c r="AE29" s="14"/>
      <c r="AF29" s="14"/>
      <c r="AG29" s="14"/>
      <c r="AH29" s="14"/>
      <c r="AI29" s="14"/>
      <c r="AJ29" s="14"/>
      <c r="AK29" s="14"/>
      <c r="AL29" s="28"/>
      <c r="AM29" s="3"/>
      <c r="AN29" s="11"/>
      <c r="AO29" s="12"/>
      <c r="AP29" s="1"/>
      <c r="AQ29" s="1"/>
      <c r="AR29" s="1"/>
      <c r="AS29" s="1"/>
      <c r="AT29" s="1"/>
      <c r="AU29" s="11"/>
      <c r="AV29" s="12"/>
      <c r="AW29" s="1"/>
      <c r="AX29" s="1"/>
      <c r="AY29" s="1"/>
      <c r="AZ29" s="1"/>
      <c r="BA29" s="1"/>
      <c r="BB29" s="11"/>
      <c r="BC29" s="12"/>
      <c r="BD29" s="1"/>
      <c r="BE29" s="1"/>
      <c r="BF29" s="1"/>
      <c r="BG29" s="1"/>
      <c r="BH29" s="1"/>
      <c r="BI29" s="7"/>
      <c r="BJ29" s="1"/>
      <c r="BK29" s="1"/>
    </row>
    <row r="30" spans="1:63" x14ac:dyDescent="0.35">
      <c r="A30" s="35" t="s">
        <v>11</v>
      </c>
      <c r="B30" s="45"/>
      <c r="C30" s="46"/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  <c r="O30" s="14"/>
      <c r="P30" s="14"/>
      <c r="Q30" s="14"/>
      <c r="R30" s="14"/>
      <c r="S30" s="14"/>
      <c r="T30" s="14"/>
      <c r="U30" s="14"/>
      <c r="V30" s="14"/>
      <c r="W30" s="14"/>
      <c r="X30" s="14"/>
      <c r="Y30" s="14"/>
      <c r="Z30" s="14"/>
      <c r="AA30" s="14"/>
      <c r="AB30" s="53" t="s">
        <v>56</v>
      </c>
      <c r="AC30" s="14"/>
      <c r="AD30" s="14"/>
      <c r="AE30" s="14"/>
      <c r="AF30" s="14"/>
      <c r="AG30" s="14"/>
      <c r="AH30" s="14"/>
      <c r="AI30" s="53" t="s">
        <v>57</v>
      </c>
      <c r="AJ30" s="53"/>
      <c r="AK30" s="14"/>
      <c r="AL30" s="28"/>
      <c r="AM30" s="3"/>
      <c r="AN30" s="11"/>
      <c r="AO30" s="12"/>
      <c r="AP30" s="1"/>
      <c r="AQ30" s="1"/>
      <c r="AR30" s="1"/>
      <c r="AS30" s="1"/>
      <c r="AT30" s="1"/>
      <c r="AU30" s="11"/>
      <c r="AV30" s="12"/>
      <c r="AW30" s="1"/>
      <c r="AX30" s="1"/>
      <c r="AY30" s="1"/>
      <c r="AZ30" s="1"/>
      <c r="BA30" s="1"/>
      <c r="BB30" s="11"/>
      <c r="BC30" s="12"/>
      <c r="BD30" s="1"/>
      <c r="BE30" s="1"/>
      <c r="BF30" s="1"/>
      <c r="BG30" s="1"/>
      <c r="BH30" s="1"/>
      <c r="BI30" s="7"/>
      <c r="BJ30" s="1"/>
      <c r="BK30" s="1"/>
    </row>
    <row r="31" spans="1:63" x14ac:dyDescent="0.35">
      <c r="A31" s="35" t="s">
        <v>11</v>
      </c>
      <c r="B31" s="45"/>
      <c r="C31" s="46"/>
      <c r="D31" s="14"/>
      <c r="E31" s="14"/>
      <c r="F31" s="14"/>
      <c r="G31" s="14"/>
      <c r="H31" s="14"/>
      <c r="I31" s="14"/>
      <c r="J31" s="14"/>
      <c r="K31" s="14"/>
      <c r="L31" s="14"/>
      <c r="M31" s="14"/>
      <c r="N31" s="14"/>
      <c r="O31" s="14"/>
      <c r="P31" s="14"/>
      <c r="Q31" s="14"/>
      <c r="R31" s="14"/>
      <c r="S31" s="14"/>
      <c r="T31" s="14"/>
      <c r="U31" s="14"/>
      <c r="V31" s="14"/>
      <c r="W31" s="14"/>
      <c r="X31" s="14"/>
      <c r="Y31" s="14"/>
      <c r="Z31" s="14"/>
      <c r="AA31" s="14"/>
      <c r="AB31" s="53" t="s">
        <v>58</v>
      </c>
      <c r="AC31" s="14"/>
      <c r="AD31" s="14"/>
      <c r="AE31" s="14"/>
      <c r="AF31" s="14"/>
      <c r="AG31" s="14"/>
      <c r="AH31" s="14"/>
      <c r="AI31" s="53" t="s">
        <v>59</v>
      </c>
      <c r="AJ31" s="53"/>
      <c r="AK31" s="14"/>
      <c r="AL31" s="28"/>
      <c r="AM31" s="3"/>
      <c r="AN31" s="11"/>
      <c r="AO31" s="12"/>
      <c r="AP31" s="1"/>
      <c r="AQ31" s="1"/>
      <c r="AR31" s="1"/>
      <c r="AS31" s="1"/>
      <c r="AT31" s="1"/>
      <c r="AU31" s="11"/>
      <c r="AV31" s="12"/>
      <c r="AW31" s="1"/>
      <c r="AX31" s="1"/>
      <c r="AY31" s="1"/>
      <c r="AZ31" s="1"/>
      <c r="BA31" s="1"/>
      <c r="BB31" s="11"/>
      <c r="BC31" s="12"/>
      <c r="BD31" s="1"/>
      <c r="BE31" s="1"/>
      <c r="BF31" s="1"/>
      <c r="BG31" s="1"/>
      <c r="BH31" s="1"/>
      <c r="BI31" s="7"/>
      <c r="BJ31" s="1"/>
      <c r="BK31" s="1"/>
    </row>
    <row r="32" spans="1:63" ht="15" thickBot="1" x14ac:dyDescent="0.4">
      <c r="A32" s="35" t="s">
        <v>11</v>
      </c>
      <c r="B32" s="45"/>
      <c r="C32" s="46"/>
      <c r="D32" s="14"/>
      <c r="E32" s="14"/>
      <c r="F32" s="14"/>
      <c r="G32" s="14"/>
      <c r="H32" s="14"/>
      <c r="I32" s="14"/>
      <c r="J32" s="14"/>
      <c r="K32" s="14"/>
      <c r="L32" s="14"/>
      <c r="M32" s="14"/>
      <c r="N32" s="14"/>
      <c r="O32" s="14"/>
      <c r="P32" s="14"/>
      <c r="Q32" s="14"/>
      <c r="R32" s="14"/>
      <c r="S32" s="14"/>
      <c r="T32" s="14"/>
      <c r="U32" s="14"/>
      <c r="V32" s="14"/>
      <c r="W32" s="14"/>
      <c r="X32" s="14"/>
      <c r="Y32" s="14"/>
      <c r="Z32" s="14"/>
      <c r="AA32" s="14"/>
      <c r="AB32" s="53" t="s">
        <v>60</v>
      </c>
      <c r="AC32" s="53"/>
      <c r="AD32" s="14"/>
      <c r="AE32" s="14"/>
      <c r="AF32" s="14"/>
      <c r="AG32" s="14"/>
      <c r="AH32" s="14"/>
      <c r="AI32" s="14"/>
      <c r="AJ32" s="14"/>
      <c r="AK32" s="14"/>
      <c r="AL32" s="28"/>
      <c r="AM32" s="3"/>
      <c r="AN32" s="11"/>
      <c r="AO32" s="12"/>
      <c r="AP32" s="1"/>
      <c r="AQ32" s="1"/>
      <c r="AR32" s="1"/>
      <c r="AS32" s="1"/>
      <c r="AT32" s="1"/>
      <c r="AU32" s="11"/>
      <c r="AV32" s="12"/>
      <c r="AW32" s="1"/>
      <c r="AX32" s="1"/>
      <c r="AY32" s="1"/>
      <c r="AZ32" s="1"/>
      <c r="BA32" s="1"/>
      <c r="BB32" s="11"/>
      <c r="BC32" s="12"/>
      <c r="BD32" s="1"/>
      <c r="BE32" s="1"/>
      <c r="BF32" s="1"/>
      <c r="BG32" s="1"/>
      <c r="BH32" s="1"/>
      <c r="BI32" s="7"/>
      <c r="BJ32" s="1"/>
      <c r="BK32" s="1"/>
    </row>
    <row r="33" spans="1:63" ht="15" thickBot="1" x14ac:dyDescent="0.4">
      <c r="A33" s="37" t="s">
        <v>61</v>
      </c>
      <c r="B33" s="39"/>
      <c r="C33" s="34"/>
      <c r="D33" s="15"/>
      <c r="E33" s="15"/>
      <c r="F33" s="15"/>
      <c r="G33" s="15"/>
      <c r="H33" s="15"/>
      <c r="I33" s="15"/>
      <c r="J33" s="15"/>
      <c r="K33" s="15"/>
      <c r="L33" s="15"/>
      <c r="M33" s="15"/>
      <c r="N33" s="15"/>
      <c r="O33" s="15"/>
      <c r="P33" s="15"/>
      <c r="Q33" s="15"/>
      <c r="R33" s="15"/>
      <c r="S33" s="15"/>
      <c r="T33" s="15"/>
      <c r="U33" s="15"/>
      <c r="V33" s="15"/>
      <c r="W33" s="15"/>
      <c r="X33" s="15"/>
      <c r="Y33" s="15"/>
      <c r="Z33" s="15"/>
      <c r="AA33" s="15"/>
      <c r="AB33" s="15"/>
      <c r="AC33" s="14"/>
      <c r="AD33" s="14"/>
      <c r="AE33" s="14"/>
      <c r="AF33" s="14"/>
      <c r="AG33" s="14"/>
      <c r="AH33" s="14"/>
      <c r="AI33" s="14"/>
      <c r="AJ33" s="14"/>
      <c r="AK33" s="14"/>
      <c r="AL33" s="28"/>
      <c r="AM33" s="3"/>
      <c r="AN33" s="11"/>
      <c r="AO33" s="12"/>
      <c r="AP33" s="1"/>
      <c r="AQ33" s="1"/>
      <c r="AR33" s="1"/>
      <c r="AS33" s="1"/>
      <c r="AT33" s="1"/>
      <c r="AU33" s="11"/>
      <c r="AV33" s="12"/>
      <c r="AW33" s="1"/>
      <c r="AX33" s="1"/>
      <c r="AY33" s="1"/>
      <c r="AZ33" s="1"/>
      <c r="BA33" s="1"/>
      <c r="BB33" s="11"/>
      <c r="BC33" s="12"/>
      <c r="BD33" s="1"/>
      <c r="BE33" s="1"/>
      <c r="BF33" s="1"/>
      <c r="BG33" s="1"/>
      <c r="BH33" s="1"/>
      <c r="BI33" s="7"/>
      <c r="BJ33" s="1"/>
      <c r="BK33" s="1"/>
    </row>
    <row r="34" spans="1:63" x14ac:dyDescent="0.35">
      <c r="A34" s="26">
        <v>2023</v>
      </c>
      <c r="B34" s="17"/>
      <c r="C34" s="17"/>
      <c r="D34" s="17">
        <v>1</v>
      </c>
      <c r="E34" s="17">
        <v>2</v>
      </c>
      <c r="F34" s="17">
        <v>3</v>
      </c>
      <c r="G34" s="70">
        <v>4</v>
      </c>
      <c r="H34" s="70">
        <v>5</v>
      </c>
      <c r="I34" s="17">
        <v>6</v>
      </c>
      <c r="J34" s="17">
        <v>7</v>
      </c>
      <c r="K34" s="17">
        <v>8</v>
      </c>
      <c r="L34" s="17">
        <v>9</v>
      </c>
      <c r="M34" s="17">
        <v>10</v>
      </c>
      <c r="N34" s="70">
        <v>11</v>
      </c>
      <c r="O34" s="70">
        <v>12</v>
      </c>
      <c r="P34" s="17">
        <v>13</v>
      </c>
      <c r="Q34" s="17">
        <v>14</v>
      </c>
      <c r="R34" s="17">
        <v>15</v>
      </c>
      <c r="S34" s="17">
        <v>16</v>
      </c>
      <c r="T34" s="17">
        <v>17</v>
      </c>
      <c r="U34" s="70">
        <v>18</v>
      </c>
      <c r="V34" s="70">
        <v>19</v>
      </c>
      <c r="W34" s="17">
        <v>20</v>
      </c>
      <c r="X34" s="17">
        <v>21</v>
      </c>
      <c r="Y34" s="17">
        <v>22</v>
      </c>
      <c r="Z34" s="17">
        <v>23</v>
      </c>
      <c r="AA34" s="17">
        <v>24</v>
      </c>
      <c r="AB34" s="70">
        <v>25</v>
      </c>
      <c r="AC34" s="70">
        <v>26</v>
      </c>
      <c r="AD34" s="17">
        <v>27</v>
      </c>
      <c r="AE34" s="17">
        <v>28</v>
      </c>
      <c r="AF34" s="17"/>
      <c r="AG34" s="17"/>
      <c r="AH34" s="17"/>
      <c r="AI34" s="14"/>
      <c r="AJ34" s="14"/>
      <c r="AK34" s="14"/>
      <c r="AL34" s="28"/>
      <c r="AM34" s="3"/>
      <c r="AN34" s="11"/>
      <c r="AO34" s="12"/>
      <c r="AP34" s="1"/>
      <c r="AQ34" s="1"/>
      <c r="AR34" s="1"/>
      <c r="AS34" s="1"/>
      <c r="AT34" s="1"/>
      <c r="AU34" s="11"/>
      <c r="AV34" s="12"/>
      <c r="AW34" s="1"/>
      <c r="AX34" s="1"/>
      <c r="AY34" s="1"/>
      <c r="AZ34" s="1"/>
      <c r="BA34" s="1"/>
      <c r="BB34" s="11"/>
      <c r="BC34" s="12"/>
      <c r="BD34" s="1"/>
      <c r="BE34" s="1"/>
      <c r="BF34" s="1"/>
      <c r="BG34" s="1"/>
      <c r="BH34" s="1"/>
      <c r="BI34" s="7"/>
      <c r="BJ34" s="1"/>
      <c r="BK34" s="1"/>
    </row>
    <row r="35" spans="1:63" x14ac:dyDescent="0.35">
      <c r="A35" s="29" t="s">
        <v>13</v>
      </c>
      <c r="B35" s="14"/>
      <c r="C35" s="14"/>
      <c r="D35" s="14"/>
      <c r="E35" s="14"/>
      <c r="F35" s="14"/>
      <c r="G35" s="14"/>
      <c r="H35" s="14"/>
      <c r="I35" s="14"/>
      <c r="J35" s="14"/>
      <c r="K35" s="14"/>
      <c r="L35" s="14"/>
      <c r="M35" s="14"/>
      <c r="N35" s="14"/>
      <c r="O35" s="14"/>
      <c r="P35" s="14"/>
      <c r="Q35" s="14"/>
      <c r="R35" s="14"/>
      <c r="S35" s="14"/>
      <c r="T35" s="14"/>
      <c r="U35" s="19"/>
      <c r="V35" s="19"/>
      <c r="W35" s="20" t="s">
        <v>62</v>
      </c>
      <c r="X35" s="20"/>
      <c r="Y35" s="20"/>
      <c r="Z35" s="20"/>
      <c r="AA35" s="20"/>
      <c r="AC35" s="19"/>
      <c r="AD35" s="20" t="s">
        <v>63</v>
      </c>
      <c r="AE35" s="20"/>
      <c r="AF35" s="14"/>
      <c r="AG35" s="14"/>
      <c r="AH35" s="14"/>
      <c r="AI35" s="14"/>
      <c r="AJ35" s="14"/>
      <c r="AK35" s="14"/>
      <c r="AL35" s="28"/>
      <c r="AM35" s="3"/>
      <c r="AN35" s="11"/>
      <c r="AO35" s="12"/>
      <c r="AP35" s="1"/>
      <c r="AQ35" s="1"/>
      <c r="AR35" s="1"/>
      <c r="AS35" s="1"/>
      <c r="AT35" s="1"/>
      <c r="AU35" s="11"/>
      <c r="AV35" s="12"/>
      <c r="AW35" s="1"/>
      <c r="AX35" s="1"/>
      <c r="AY35" s="1"/>
      <c r="AZ35" s="1"/>
      <c r="BA35" s="1"/>
      <c r="BB35" s="11"/>
      <c r="BC35" s="12"/>
      <c r="BD35" s="1"/>
      <c r="BE35" s="1"/>
      <c r="BF35" s="1"/>
      <c r="BG35" s="1"/>
      <c r="BH35" s="1"/>
      <c r="BI35" s="7"/>
      <c r="BJ35" s="1"/>
      <c r="BK35" s="1"/>
    </row>
    <row r="36" spans="1:63" x14ac:dyDescent="0.35">
      <c r="A36" s="27" t="s">
        <v>9</v>
      </c>
      <c r="B36" s="14"/>
      <c r="C36" s="14"/>
      <c r="D36" s="18" t="s">
        <v>64</v>
      </c>
      <c r="E36" s="14"/>
      <c r="F36" s="14"/>
      <c r="K36" s="80"/>
      <c r="L36" s="14"/>
      <c r="Q36" s="14"/>
      <c r="S36" s="14"/>
      <c r="T36" s="14"/>
      <c r="U36" s="18" t="s">
        <v>65</v>
      </c>
      <c r="V36" s="18"/>
      <c r="W36" s="14"/>
      <c r="X36" s="14"/>
      <c r="Y36" s="18" t="s">
        <v>66</v>
      </c>
      <c r="Z36" s="14"/>
      <c r="AA36" s="14"/>
      <c r="AB36" s="13"/>
      <c r="AC36" s="75"/>
      <c r="AD36" s="14"/>
      <c r="AE36" s="14"/>
      <c r="AF36" s="14"/>
      <c r="AG36" s="14"/>
      <c r="AH36" s="14"/>
      <c r="AI36" s="14"/>
      <c r="AJ36" s="14"/>
      <c r="AK36" s="14"/>
      <c r="AL36" s="28"/>
      <c r="AM36" s="3"/>
      <c r="AN36" s="11"/>
      <c r="AO36" s="12"/>
      <c r="AP36" s="1"/>
      <c r="AQ36" s="1"/>
      <c r="AR36" s="1"/>
      <c r="AS36" s="1"/>
      <c r="AT36" s="1"/>
      <c r="AU36" s="11"/>
      <c r="AV36" s="12"/>
      <c r="AW36" s="1"/>
      <c r="AX36" s="1"/>
      <c r="AY36" s="1"/>
      <c r="AZ36" s="1"/>
      <c r="BA36" s="1"/>
      <c r="BB36" s="11"/>
      <c r="BC36" s="12"/>
      <c r="BD36" s="1"/>
      <c r="BE36" s="1"/>
      <c r="BF36" s="1"/>
      <c r="BG36" s="1"/>
      <c r="BH36" s="1"/>
      <c r="BI36" s="7"/>
      <c r="BJ36" s="1"/>
      <c r="BK36" s="1"/>
    </row>
    <row r="37" spans="1:63" x14ac:dyDescent="0.35">
      <c r="A37" s="35" t="s">
        <v>11</v>
      </c>
      <c r="B37" s="36"/>
      <c r="C37" s="14"/>
      <c r="D37" s="14"/>
      <c r="E37" s="14"/>
      <c r="F37" s="19"/>
      <c r="G37" s="53" t="s">
        <v>67</v>
      </c>
      <c r="H37" s="53"/>
      <c r="I37" s="14"/>
      <c r="J37" s="14"/>
      <c r="K37" s="16"/>
      <c r="L37" s="19"/>
      <c r="M37" s="53" t="s">
        <v>68</v>
      </c>
      <c r="N37" s="53"/>
      <c r="O37" s="53"/>
      <c r="P37" s="14"/>
      <c r="Q37" s="19"/>
      <c r="R37" s="19"/>
      <c r="S37" s="19"/>
      <c r="T37" s="53" t="s">
        <v>69</v>
      </c>
      <c r="U37" s="53"/>
      <c r="V37" s="53"/>
      <c r="W37" s="19"/>
      <c r="X37" s="19"/>
      <c r="Y37" s="19"/>
      <c r="Z37" s="19"/>
      <c r="AA37" s="19"/>
      <c r="AB37" s="33" t="s">
        <v>70</v>
      </c>
      <c r="AC37" s="33"/>
      <c r="AD37" s="19"/>
      <c r="AE37" s="19"/>
      <c r="AF37" s="19"/>
      <c r="AG37" s="19"/>
      <c r="AH37" s="19"/>
      <c r="AI37" s="14"/>
      <c r="AJ37" s="14"/>
      <c r="AK37" s="14"/>
      <c r="AL37" s="28"/>
      <c r="AM37" s="3"/>
      <c r="AN37" s="11"/>
      <c r="AO37" s="12"/>
      <c r="AP37" s="1"/>
      <c r="AQ37" s="1"/>
      <c r="AR37" s="1"/>
      <c r="AS37" s="1"/>
      <c r="AT37" s="1"/>
      <c r="AU37" s="11"/>
      <c r="AV37" s="12"/>
      <c r="AW37" s="1"/>
      <c r="AX37" s="1"/>
      <c r="AY37" s="1"/>
      <c r="AZ37" s="1"/>
      <c r="BA37" s="1"/>
      <c r="BB37" s="11"/>
      <c r="BC37" s="12"/>
      <c r="BD37" s="1"/>
      <c r="BE37" s="1"/>
      <c r="BF37" s="1"/>
      <c r="BG37" s="1"/>
      <c r="BH37" s="1"/>
      <c r="BI37" s="7"/>
      <c r="BJ37" s="1"/>
      <c r="BK37" s="1"/>
    </row>
    <row r="38" spans="1:63" x14ac:dyDescent="0.35">
      <c r="A38" s="35" t="s">
        <v>11</v>
      </c>
      <c r="B38" s="13"/>
      <c r="C38" s="46"/>
      <c r="D38" s="14"/>
      <c r="E38" s="14"/>
      <c r="F38" s="19"/>
      <c r="G38" s="53" t="s">
        <v>71</v>
      </c>
      <c r="H38" s="19"/>
      <c r="I38" s="19"/>
      <c r="J38" s="19"/>
      <c r="K38" s="19"/>
      <c r="L38" s="19"/>
      <c r="M38" s="19"/>
      <c r="N38" s="53" t="s">
        <v>72</v>
      </c>
      <c r="O38" s="53"/>
      <c r="P38" s="19"/>
      <c r="Q38" s="19"/>
      <c r="R38" s="19"/>
      <c r="S38" s="19"/>
      <c r="T38" s="19"/>
      <c r="U38" s="19"/>
      <c r="V38" s="19"/>
      <c r="W38" s="19"/>
      <c r="X38" s="19"/>
      <c r="Y38" s="19"/>
      <c r="Z38" s="19"/>
      <c r="AA38" s="19"/>
      <c r="AB38" s="33" t="s">
        <v>73</v>
      </c>
      <c r="AC38" s="33"/>
      <c r="AD38" s="19"/>
      <c r="AE38" s="19"/>
      <c r="AF38" s="19"/>
      <c r="AG38" s="19"/>
      <c r="AH38" s="19"/>
      <c r="AI38" s="14"/>
      <c r="AJ38" s="14"/>
      <c r="AK38" s="14"/>
      <c r="AL38" s="28"/>
      <c r="AM38" s="3"/>
      <c r="AN38" s="11"/>
      <c r="AO38" s="12"/>
      <c r="AP38" s="1"/>
      <c r="AQ38" s="1"/>
      <c r="AR38" s="1"/>
      <c r="AS38" s="1"/>
      <c r="AT38" s="1"/>
      <c r="AU38" s="11"/>
      <c r="AV38" s="12"/>
      <c r="AW38" s="1"/>
      <c r="AX38" s="1"/>
      <c r="AY38" s="1"/>
      <c r="AZ38" s="1"/>
      <c r="BA38" s="1"/>
      <c r="BB38" s="11"/>
      <c r="BC38" s="12"/>
      <c r="BD38" s="1"/>
      <c r="BE38" s="1"/>
      <c r="BF38" s="1"/>
      <c r="BG38" s="1"/>
      <c r="BH38" s="1"/>
      <c r="BI38" s="7"/>
      <c r="BJ38" s="1"/>
      <c r="BK38" s="1"/>
    </row>
    <row r="39" spans="1:63" x14ac:dyDescent="0.35">
      <c r="A39" s="35" t="s">
        <v>11</v>
      </c>
      <c r="B39" s="13"/>
      <c r="C39" s="46"/>
      <c r="D39" s="14"/>
      <c r="E39" s="14"/>
      <c r="F39" s="19"/>
      <c r="G39" s="53" t="s">
        <v>74</v>
      </c>
      <c r="H39" s="19"/>
      <c r="I39" s="19"/>
      <c r="J39" s="19"/>
      <c r="K39" s="19"/>
      <c r="L39" s="19"/>
      <c r="M39" s="19"/>
      <c r="N39" s="53" t="s">
        <v>75</v>
      </c>
      <c r="O39" s="53"/>
      <c r="P39" s="14"/>
      <c r="Q39" s="14"/>
      <c r="R39" s="19"/>
      <c r="S39" s="19"/>
      <c r="T39" s="19"/>
      <c r="U39" s="19"/>
      <c r="V39" s="19"/>
      <c r="W39" s="19"/>
      <c r="X39" s="19"/>
      <c r="Y39" s="19"/>
      <c r="Z39" s="19"/>
      <c r="AA39" s="19"/>
      <c r="AB39" s="19"/>
      <c r="AC39" s="19"/>
      <c r="AD39" s="19"/>
      <c r="AE39" s="19"/>
      <c r="AF39" s="19"/>
      <c r="AG39" s="19"/>
      <c r="AH39" s="19"/>
      <c r="AI39" s="14"/>
      <c r="AJ39" s="14"/>
      <c r="AK39" s="14"/>
      <c r="AL39" s="28"/>
      <c r="AM39" s="3"/>
      <c r="AN39" s="11"/>
      <c r="AO39" s="12"/>
      <c r="AP39" s="1"/>
      <c r="AQ39" s="1"/>
      <c r="AR39" s="1"/>
      <c r="AS39" s="1"/>
      <c r="AT39" s="1"/>
      <c r="AU39" s="11"/>
      <c r="AV39" s="12"/>
      <c r="AW39" s="1"/>
      <c r="AX39" s="1"/>
      <c r="AY39" s="1"/>
      <c r="AZ39" s="1"/>
      <c r="BA39" s="1"/>
      <c r="BB39" s="11"/>
      <c r="BC39" s="12"/>
      <c r="BD39" s="1"/>
      <c r="BE39" s="1"/>
      <c r="BF39" s="1"/>
      <c r="BG39" s="1"/>
      <c r="BH39" s="1"/>
      <c r="BI39" s="7"/>
      <c r="BJ39" s="1"/>
      <c r="BK39" s="1"/>
    </row>
    <row r="40" spans="1:63" x14ac:dyDescent="0.35">
      <c r="A40" s="35" t="s">
        <v>11</v>
      </c>
      <c r="B40" s="13"/>
      <c r="C40" s="46"/>
      <c r="D40" s="14"/>
      <c r="E40" s="14"/>
      <c r="F40" s="19"/>
      <c r="G40" s="14"/>
      <c r="H40" s="19"/>
      <c r="I40" s="19"/>
      <c r="J40" s="19"/>
      <c r="K40" s="19"/>
      <c r="L40" s="19"/>
      <c r="M40" s="19"/>
      <c r="N40" s="14"/>
      <c r="O40" s="14"/>
      <c r="P40" s="53" t="s">
        <v>76</v>
      </c>
      <c r="Q40" s="14"/>
      <c r="R40" s="19"/>
      <c r="S40" s="19"/>
      <c r="T40" s="19"/>
      <c r="U40" s="19"/>
      <c r="V40" s="19"/>
      <c r="W40" s="19"/>
      <c r="X40" s="19"/>
      <c r="Y40" s="19"/>
      <c r="Z40" s="19"/>
      <c r="AA40" s="19"/>
      <c r="AB40" s="19"/>
      <c r="AC40" s="19"/>
      <c r="AD40" s="19"/>
      <c r="AE40" s="19"/>
      <c r="AF40" s="19"/>
      <c r="AG40" s="19"/>
      <c r="AH40" s="19"/>
      <c r="AI40" s="14"/>
      <c r="AJ40" s="14"/>
      <c r="AK40" s="14"/>
      <c r="AL40" s="28"/>
      <c r="AM40" s="3"/>
      <c r="AN40" s="11"/>
      <c r="AO40" s="12"/>
      <c r="AP40" s="1"/>
      <c r="AQ40" s="1"/>
      <c r="AR40" s="1"/>
      <c r="AS40" s="1"/>
      <c r="AT40" s="1"/>
      <c r="AU40" s="11"/>
      <c r="AV40" s="12"/>
      <c r="AW40" s="1"/>
      <c r="AX40" s="1"/>
      <c r="AY40" s="1"/>
      <c r="AZ40" s="1"/>
      <c r="BA40" s="1"/>
      <c r="BB40" s="11"/>
      <c r="BC40" s="12"/>
      <c r="BD40" s="1"/>
      <c r="BE40" s="1"/>
      <c r="BF40" s="1"/>
      <c r="BG40" s="1"/>
      <c r="BH40" s="1"/>
      <c r="BI40" s="7"/>
      <c r="BJ40" s="1"/>
      <c r="BK40" s="1"/>
    </row>
    <row r="41" spans="1:63" ht="15" thickBot="1" x14ac:dyDescent="0.4">
      <c r="A41" s="35" t="s">
        <v>11</v>
      </c>
      <c r="B41" s="13"/>
      <c r="C41" s="46"/>
      <c r="D41" s="14"/>
      <c r="E41" s="14"/>
      <c r="F41" s="19"/>
      <c r="G41" s="14"/>
      <c r="H41" s="19"/>
      <c r="I41" s="19"/>
      <c r="J41" s="19"/>
      <c r="K41" s="19"/>
      <c r="L41" s="19"/>
      <c r="M41" s="19"/>
      <c r="N41" s="14"/>
      <c r="O41" s="14"/>
      <c r="P41" s="14"/>
      <c r="Q41" s="14"/>
      <c r="R41" s="19"/>
      <c r="S41" s="19"/>
      <c r="T41" s="19"/>
      <c r="U41" s="53" t="s">
        <v>77</v>
      </c>
      <c r="V41" s="53"/>
      <c r="W41" s="19"/>
      <c r="X41" s="19"/>
      <c r="Y41" s="19"/>
      <c r="Z41" s="19"/>
      <c r="AA41" s="19"/>
      <c r="AB41" s="19"/>
      <c r="AC41" s="19"/>
      <c r="AD41" s="19"/>
      <c r="AE41" s="19"/>
      <c r="AF41" s="19"/>
      <c r="AG41" s="19"/>
      <c r="AH41" s="19"/>
      <c r="AI41" s="14"/>
      <c r="AJ41" s="14"/>
      <c r="AK41" s="14"/>
      <c r="AL41" s="28"/>
      <c r="AM41" s="3"/>
      <c r="AN41" s="11"/>
      <c r="AO41" s="12"/>
      <c r="AP41" s="1"/>
      <c r="AQ41" s="1"/>
      <c r="AR41" s="1"/>
      <c r="AS41" s="1"/>
      <c r="AT41" s="1"/>
      <c r="AU41" s="11"/>
      <c r="AV41" s="12"/>
      <c r="AW41" s="1"/>
      <c r="AX41" s="1"/>
      <c r="AY41" s="1"/>
      <c r="AZ41" s="1"/>
      <c r="BA41" s="1"/>
      <c r="BB41" s="11"/>
      <c r="BC41" s="12"/>
      <c r="BD41" s="1"/>
      <c r="BE41" s="1"/>
      <c r="BF41" s="1"/>
      <c r="BG41" s="1"/>
      <c r="BH41" s="1"/>
      <c r="BI41" s="7"/>
      <c r="BJ41" s="1"/>
      <c r="BK41" s="1"/>
    </row>
    <row r="42" spans="1:63" ht="15" thickBot="1" x14ac:dyDescent="0.4">
      <c r="A42" s="37" t="s">
        <v>78</v>
      </c>
      <c r="B42" s="38"/>
      <c r="C42" s="34"/>
      <c r="D42" s="15"/>
      <c r="E42" s="15"/>
      <c r="F42" s="15"/>
      <c r="G42" s="15"/>
      <c r="H42" s="15"/>
      <c r="I42" s="15"/>
      <c r="J42" s="15"/>
      <c r="K42" s="15"/>
      <c r="L42" s="15"/>
      <c r="M42" s="15"/>
      <c r="N42" s="15"/>
      <c r="O42" s="15"/>
      <c r="P42" s="15"/>
      <c r="Q42" s="15"/>
      <c r="R42" s="15"/>
      <c r="S42" s="15"/>
      <c r="T42" s="15"/>
      <c r="U42" s="15"/>
      <c r="V42" s="15"/>
      <c r="W42" s="15"/>
      <c r="X42" s="15"/>
      <c r="Y42" s="15"/>
      <c r="Z42" s="15"/>
      <c r="AA42" s="15"/>
      <c r="AB42" s="15"/>
      <c r="AC42" s="15"/>
      <c r="AD42" s="15"/>
      <c r="AE42" s="15"/>
      <c r="AF42" s="15"/>
      <c r="AG42" s="14"/>
      <c r="AH42" s="14"/>
      <c r="AI42" s="14"/>
      <c r="AJ42" s="14"/>
      <c r="AK42" s="14"/>
      <c r="AL42" s="28"/>
      <c r="AM42" s="3"/>
      <c r="AN42" s="1"/>
      <c r="AO42" s="1"/>
      <c r="AP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E42" s="1"/>
      <c r="BF42" s="1"/>
      <c r="BG42" s="1"/>
      <c r="BH42" s="1"/>
      <c r="BI42" s="1"/>
      <c r="BJ42" s="1"/>
      <c r="BK42" s="1"/>
    </row>
    <row r="43" spans="1:63" x14ac:dyDescent="0.35">
      <c r="A43" s="26">
        <v>2023</v>
      </c>
      <c r="B43" s="17"/>
      <c r="C43" s="17"/>
      <c r="D43" s="17">
        <v>1</v>
      </c>
      <c r="E43" s="17">
        <v>2</v>
      </c>
      <c r="F43" s="17">
        <v>3</v>
      </c>
      <c r="G43" s="70">
        <v>4</v>
      </c>
      <c r="H43" s="70">
        <v>5</v>
      </c>
      <c r="I43" s="17">
        <v>6</v>
      </c>
      <c r="J43" s="17">
        <v>7</v>
      </c>
      <c r="K43" s="17">
        <v>8</v>
      </c>
      <c r="L43" s="17">
        <v>9</v>
      </c>
      <c r="M43" s="17">
        <v>10</v>
      </c>
      <c r="N43" s="70">
        <v>11</v>
      </c>
      <c r="O43" s="70">
        <v>12</v>
      </c>
      <c r="P43" s="17">
        <v>13</v>
      </c>
      <c r="Q43" s="17">
        <v>14</v>
      </c>
      <c r="R43" s="17">
        <v>15</v>
      </c>
      <c r="S43" s="17">
        <v>16</v>
      </c>
      <c r="T43" s="17">
        <v>17</v>
      </c>
      <c r="U43" s="70">
        <v>18</v>
      </c>
      <c r="V43" s="70">
        <v>19</v>
      </c>
      <c r="W43" s="17">
        <v>20</v>
      </c>
      <c r="X43" s="17">
        <v>21</v>
      </c>
      <c r="Y43" s="17">
        <v>22</v>
      </c>
      <c r="Z43" s="17">
        <v>23</v>
      </c>
      <c r="AA43" s="17">
        <v>24</v>
      </c>
      <c r="AB43" s="70">
        <v>25</v>
      </c>
      <c r="AC43" s="70">
        <v>26</v>
      </c>
      <c r="AD43" s="17">
        <v>27</v>
      </c>
      <c r="AE43" s="17">
        <v>28</v>
      </c>
      <c r="AF43" s="17">
        <v>29</v>
      </c>
      <c r="AG43" s="17">
        <v>30</v>
      </c>
      <c r="AH43" s="17">
        <v>31</v>
      </c>
      <c r="AI43" s="14"/>
      <c r="AJ43" s="14"/>
      <c r="AK43" s="14"/>
      <c r="AL43" s="28"/>
      <c r="AM43" s="3"/>
      <c r="AN43" s="1"/>
      <c r="AO43" s="1"/>
      <c r="AP43" s="8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E43" s="1"/>
      <c r="BF43" s="1"/>
      <c r="BG43" s="1"/>
      <c r="BH43" s="1"/>
      <c r="BI43" s="1"/>
      <c r="BJ43" s="1"/>
      <c r="BK43" s="1"/>
    </row>
    <row r="44" spans="1:63" x14ac:dyDescent="0.35">
      <c r="A44" s="29" t="s">
        <v>13</v>
      </c>
      <c r="B44" s="19"/>
      <c r="D44" s="20" t="s">
        <v>63</v>
      </c>
      <c r="E44" s="20"/>
      <c r="F44" s="20"/>
      <c r="G44" s="16"/>
      <c r="H44" s="19"/>
      <c r="I44" s="14"/>
      <c r="J44" s="14"/>
      <c r="K44" s="14"/>
      <c r="L44" s="14"/>
      <c r="M44" s="14"/>
      <c r="N44" s="14"/>
      <c r="O44" s="14"/>
      <c r="P44" s="14"/>
      <c r="Q44" s="14"/>
      <c r="R44" s="14"/>
      <c r="S44" s="14"/>
      <c r="T44" s="14"/>
      <c r="U44" s="14"/>
      <c r="V44" s="14"/>
      <c r="W44" s="76" t="s">
        <v>79</v>
      </c>
      <c r="X44" s="76"/>
      <c r="Y44" s="76"/>
      <c r="Z44" s="77"/>
      <c r="AA44" s="78"/>
      <c r="AB44" s="14"/>
      <c r="AC44" s="14"/>
      <c r="AD44" s="14"/>
      <c r="AE44" s="14"/>
      <c r="AF44" s="14"/>
      <c r="AG44" s="14"/>
      <c r="AH44" s="14"/>
      <c r="AL44" s="65"/>
      <c r="AN44" s="4"/>
      <c r="AO44" s="1"/>
      <c r="AP44" s="8"/>
      <c r="AQ44" s="1"/>
      <c r="AR44" s="1"/>
      <c r="AS44" s="1"/>
      <c r="AT44" s="1"/>
      <c r="AU44" s="1"/>
      <c r="AV44" s="1"/>
      <c r="AW44" s="1"/>
      <c r="AX44" s="1"/>
      <c r="AY44" s="1"/>
      <c r="AZ44" s="1"/>
      <c r="BA44" s="1"/>
      <c r="BB44" s="1"/>
      <c r="BC44" s="1"/>
      <c r="BD44" s="1"/>
      <c r="BE44" s="1"/>
      <c r="BF44" s="1"/>
      <c r="BG44" s="1"/>
      <c r="BH44" s="1"/>
      <c r="BI44" s="1"/>
      <c r="BJ44" s="1"/>
      <c r="BK44" s="1"/>
    </row>
    <row r="45" spans="1:63" x14ac:dyDescent="0.35">
      <c r="A45" s="27" t="s">
        <v>9</v>
      </c>
      <c r="B45" s="14"/>
      <c r="C45" s="14"/>
      <c r="F45" s="14"/>
      <c r="G45" s="18" t="s">
        <v>80</v>
      </c>
      <c r="H45" s="18"/>
      <c r="I45" s="14"/>
      <c r="J45" s="14"/>
      <c r="L45" s="16"/>
      <c r="M45" s="14"/>
      <c r="R45" s="14"/>
      <c r="S45" s="14"/>
      <c r="T45" s="14"/>
      <c r="U45" s="18" t="s">
        <v>81</v>
      </c>
      <c r="V45" s="18"/>
      <c r="W45" s="16"/>
      <c r="X45" s="14"/>
      <c r="Y45" s="14"/>
      <c r="Z45" s="14"/>
      <c r="AA45" s="14"/>
      <c r="AB45" s="14"/>
      <c r="AC45" s="14"/>
      <c r="AD45" s="14"/>
      <c r="AE45" s="14"/>
      <c r="AF45" s="14"/>
      <c r="AG45" s="14"/>
      <c r="AH45" s="14"/>
      <c r="AI45" s="14"/>
      <c r="AJ45" s="14"/>
      <c r="AK45" s="14"/>
      <c r="AL45" s="28"/>
      <c r="AM45" s="3"/>
      <c r="AN45" s="1"/>
      <c r="AO45" s="1"/>
      <c r="AP45" s="8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E45" s="1"/>
      <c r="BF45" s="1"/>
      <c r="BG45" s="1"/>
      <c r="BH45" s="1"/>
      <c r="BI45" s="1"/>
      <c r="BJ45" s="1"/>
      <c r="BK45" s="1"/>
    </row>
    <row r="46" spans="1:63" x14ac:dyDescent="0.35">
      <c r="A46" s="27" t="s">
        <v>11</v>
      </c>
      <c r="B46" s="36"/>
      <c r="C46" s="36"/>
      <c r="D46" s="42"/>
      <c r="E46" s="69"/>
      <c r="F46" s="57" t="s">
        <v>82</v>
      </c>
      <c r="G46" s="66"/>
      <c r="H46" s="66"/>
      <c r="I46" s="36"/>
      <c r="J46" s="36"/>
      <c r="K46" s="36"/>
      <c r="L46" s="36"/>
      <c r="M46" s="36"/>
      <c r="N46" s="57" t="s">
        <v>83</v>
      </c>
      <c r="O46" s="36"/>
      <c r="P46" s="36"/>
      <c r="Q46" s="36"/>
      <c r="R46" s="36"/>
      <c r="S46" s="36"/>
      <c r="T46" s="36"/>
      <c r="U46" s="36"/>
      <c r="V46" s="36"/>
      <c r="W46" s="42"/>
      <c r="X46" s="36"/>
      <c r="Y46" s="36"/>
      <c r="Z46" s="36"/>
      <c r="AA46" s="36"/>
      <c r="AB46" s="36"/>
      <c r="AC46" s="36"/>
      <c r="AD46" s="36"/>
      <c r="AE46" s="36"/>
      <c r="AF46" s="36"/>
      <c r="AG46" s="36"/>
      <c r="AH46" s="36"/>
      <c r="AI46" s="36"/>
      <c r="AJ46" s="36"/>
      <c r="AK46" s="36"/>
      <c r="AL46" s="56"/>
      <c r="AM46" s="3"/>
      <c r="AN46" s="1"/>
      <c r="AO46" s="1"/>
      <c r="AP46" s="8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E46" s="1"/>
      <c r="BF46" s="1"/>
      <c r="BG46" s="1"/>
      <c r="BH46" s="1"/>
      <c r="BI46" s="1"/>
      <c r="BJ46" s="1"/>
      <c r="BK46" s="1"/>
    </row>
    <row r="47" spans="1:63" ht="15" thickBot="1" x14ac:dyDescent="0.4">
      <c r="A47" s="67" t="s">
        <v>11</v>
      </c>
      <c r="B47" s="31"/>
      <c r="C47" s="31"/>
      <c r="D47" s="31"/>
      <c r="E47" s="31"/>
      <c r="F47" s="49"/>
      <c r="G47" s="31"/>
      <c r="H47" s="31"/>
      <c r="I47" s="49"/>
      <c r="J47" s="49"/>
      <c r="K47" s="31"/>
      <c r="L47" s="31"/>
      <c r="M47" s="31"/>
      <c r="N47" s="31"/>
      <c r="O47" s="58" t="s">
        <v>84</v>
      </c>
      <c r="P47" s="31"/>
      <c r="Q47" s="31"/>
      <c r="R47" s="31"/>
      <c r="S47" s="31"/>
      <c r="T47" s="31"/>
      <c r="U47" s="31"/>
      <c r="V47" s="31"/>
      <c r="W47" s="31"/>
      <c r="X47" s="31"/>
      <c r="Y47" s="31"/>
      <c r="Z47" s="31"/>
      <c r="AA47" s="31"/>
      <c r="AB47" s="31"/>
      <c r="AC47" s="31"/>
      <c r="AD47" s="31"/>
      <c r="AE47" s="31"/>
      <c r="AF47" s="31"/>
      <c r="AG47" s="31"/>
      <c r="AH47" s="31"/>
      <c r="AI47" s="31"/>
      <c r="AJ47" s="31"/>
      <c r="AK47" s="31"/>
      <c r="AL47" s="32"/>
      <c r="AM47" s="3"/>
      <c r="AN47" s="1"/>
      <c r="AO47" s="1"/>
      <c r="AP47" s="8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E47" s="1"/>
      <c r="BF47" s="1"/>
      <c r="BG47" s="1"/>
      <c r="BH47" s="1"/>
      <c r="BI47" s="1"/>
      <c r="BJ47" s="1"/>
      <c r="BK47" s="1"/>
    </row>
    <row r="48" spans="1:63" x14ac:dyDescent="0.35">
      <c r="A48" s="5"/>
      <c r="B48" s="13"/>
      <c r="C48" s="13"/>
      <c r="D48" s="13"/>
      <c r="E48" s="13"/>
      <c r="F48" s="13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3"/>
      <c r="R48" s="13"/>
      <c r="S48" s="13"/>
      <c r="T48" s="13"/>
      <c r="U48" s="13"/>
      <c r="V48" s="13"/>
      <c r="W48" s="13"/>
      <c r="X48" s="13"/>
      <c r="Y48" s="13"/>
      <c r="Z48" s="13"/>
      <c r="AA48" s="13"/>
      <c r="AB48" s="13"/>
      <c r="AC48" s="13"/>
      <c r="AD48" s="13"/>
      <c r="AE48" s="13"/>
      <c r="AF48" s="6"/>
      <c r="AG48" s="7"/>
      <c r="AH48" s="7"/>
      <c r="AI48" s="7"/>
      <c r="AJ48" s="7"/>
      <c r="AK48" s="7"/>
      <c r="AL48" s="7"/>
      <c r="AM48" s="1"/>
      <c r="AN48" s="1"/>
      <c r="AO48" s="1"/>
      <c r="AP48" s="8"/>
      <c r="AQ48" s="1"/>
      <c r="AR48" s="1"/>
      <c r="AS48" s="1"/>
      <c r="AT48" s="1"/>
      <c r="AU48" s="1"/>
      <c r="AV48" s="1"/>
      <c r="AW48" s="1"/>
      <c r="AX48" s="1"/>
      <c r="AY48" s="1"/>
      <c r="AZ48" s="1"/>
      <c r="BA48" s="1"/>
      <c r="BB48" s="1"/>
      <c r="BC48" s="1"/>
      <c r="BD48" s="1"/>
      <c r="BE48" s="1"/>
      <c r="BF48" s="1"/>
      <c r="BG48" s="1"/>
      <c r="BH48" s="1"/>
      <c r="BI48" s="1"/>
      <c r="BJ48" s="1"/>
      <c r="BK48" s="1"/>
    </row>
    <row r="49" spans="1:63" x14ac:dyDescent="0.35">
      <c r="A49" s="1"/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7"/>
      <c r="AI49" s="7"/>
      <c r="AJ49" s="7"/>
      <c r="AK49" s="7"/>
      <c r="AL49" s="7"/>
      <c r="AM49" s="7"/>
      <c r="AN49" s="7"/>
      <c r="AO49" s="7"/>
      <c r="AP49" s="9"/>
      <c r="AQ49" s="7"/>
      <c r="AR49" s="7"/>
      <c r="AS49" s="7"/>
      <c r="AT49" s="7"/>
      <c r="AU49" s="7"/>
      <c r="AV49" s="7"/>
      <c r="AW49" s="7"/>
      <c r="AX49" s="7"/>
      <c r="AY49" s="7"/>
      <c r="AZ49" s="7"/>
      <c r="BA49" s="7"/>
      <c r="BB49" s="7"/>
      <c r="BC49" s="7"/>
      <c r="BD49" s="7"/>
      <c r="BE49" s="7"/>
      <c r="BF49" s="7"/>
      <c r="BG49" s="7"/>
      <c r="BH49" s="7"/>
      <c r="BI49" s="7"/>
      <c r="BJ49" s="7"/>
      <c r="BK49" s="7"/>
    </row>
  </sheetData>
  <pageMargins left="0.70866141732283472" right="0.70866141732283472" top="0.74803149606299213" bottom="0.74803149606299213" header="0.31496062992125984" footer="0.31496062992125984"/>
  <pageSetup paperSize="9" fitToHeight="0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Attachments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2F796B6E4F6744989ED8FB83EB08675" ma:contentTypeVersion="17" ma:contentTypeDescription="Create a new document." ma:contentTypeScope="" ma:versionID="b4cc25d0f6e1867acf8aa7f7e9b52c90">
  <xsd:schema xmlns:xsd="http://www.w3.org/2001/XMLSchema" xmlns:xs="http://www.w3.org/2001/XMLSchema" xmlns:p="http://schemas.microsoft.com/office/2006/metadata/properties" xmlns:ns3="d4d6909a-a9d9-4e1e-ac7f-22b60dd7148e" xmlns:ns4="0f7dabdb-7e71-494b-82be-87091e745cea" targetNamespace="http://schemas.microsoft.com/office/2006/metadata/properties" ma:root="true" ma:fieldsID="6dd59e17f3f633d857d449997d268692" ns3:_="" ns4:_="">
    <xsd:import namespace="d4d6909a-a9d9-4e1e-ac7f-22b60dd7148e"/>
    <xsd:import namespace="0f7dabdb-7e71-494b-82be-87091e745cea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DateTaken" minOccurs="0"/>
                <xsd:element ref="ns3:MediaServiceLocation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4d6909a-a9d9-4e1e-ac7f-22b60dd7148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DateTaken" ma:index="13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4" nillable="true" ma:displayName="Location" ma:internalName="MediaServiceLocatio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f7dabdb-7e71-494b-82be-87091e745cea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SharedContentType xmlns="Microsoft.SharePoint.Taxonomy.ContentTypeSync" SourceId="02f74cf1-ae9f-400d-bc52-3bcd3a9e177f" ContentTypeId="0x0101" PreviousValue="false"/>
</file>

<file path=customXml/item5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481F0E2A-BFE4-45DC-89B5-BECBD3D83C8E}">
  <ds:schemaRefs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0f7dabdb-7e71-494b-82be-87091e745cea"/>
    <ds:schemaRef ds:uri="http://purl.org/dc/elements/1.1/"/>
    <ds:schemaRef ds:uri="d4d6909a-a9d9-4e1e-ac7f-22b60dd7148e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AC4108A0-6E99-4EE0-9F85-D0C37A7E7DAD}">
  <ds:schemaRefs/>
</ds:datastoreItem>
</file>

<file path=customXml/itemProps3.xml><?xml version="1.0" encoding="utf-8"?>
<ds:datastoreItem xmlns:ds="http://schemas.openxmlformats.org/officeDocument/2006/customXml" ds:itemID="{E2E4183A-ED5F-43D0-A2EB-425E21B1F4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4d6909a-a9d9-4e1e-ac7f-22b60dd7148e"/>
    <ds:schemaRef ds:uri="0f7dabdb-7e71-494b-82be-87091e745ce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D1C648B5-9C87-4EE3-920C-3BAE2D113331}">
  <ds:schemaRefs>
    <ds:schemaRef ds:uri="Microsoft.SharePoint.Taxonomy.ContentTypeSync"/>
  </ds:schemaRefs>
</ds:datastoreItem>
</file>

<file path=customXml/itemProps5.xml><?xml version="1.0" encoding="utf-8"?>
<ds:datastoreItem xmlns:ds="http://schemas.openxmlformats.org/officeDocument/2006/customXml" ds:itemID="{2740AADF-0F1F-4BDB-9C6A-0C6235F65602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Regneark</vt:lpstr>
      </vt:variant>
      <vt:variant>
        <vt:i4>1</vt:i4>
      </vt:variant>
      <vt:variant>
        <vt:lpstr>Navngitte områder</vt:lpstr>
      </vt:variant>
      <vt:variant>
        <vt:i4>1</vt:i4>
      </vt:variant>
    </vt:vector>
  </HeadingPairs>
  <TitlesOfParts>
    <vt:vector size="2" baseType="lpstr">
      <vt:lpstr>Stevner 2022-2023</vt:lpstr>
      <vt:lpstr>'Stevner 2022-2023'!Utskriftsområde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nut</dc:creator>
  <cp:keywords/>
  <dc:description/>
  <cp:lastModifiedBy>Sjothun, Ingvar - Monter</cp:lastModifiedBy>
  <cp:revision/>
  <dcterms:created xsi:type="dcterms:W3CDTF">2019-04-14T05:46:31Z</dcterms:created>
  <dcterms:modified xsi:type="dcterms:W3CDTF">2022-10-04T20:40:0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PowerToolsAttachments">
    <vt:lpwstr>{AC4108A0-6E99-4EE0-9F85-D0C37A7E7DAD}</vt:lpwstr>
  </property>
  <property fmtid="{D5CDD505-2E9C-101B-9397-08002B2CF9AE}" pid="3" name="ContentTypeId">
    <vt:lpwstr>0x01010012F796B6E4F6744989ED8FB83EB08675</vt:lpwstr>
  </property>
  <property fmtid="{D5CDD505-2E9C-101B-9397-08002B2CF9AE}" pid="4" name="MSIP_Label_ced06422-c515-4a4e-a1f2-e6a0c0200eae_Enabled">
    <vt:lpwstr>true</vt:lpwstr>
  </property>
  <property fmtid="{D5CDD505-2E9C-101B-9397-08002B2CF9AE}" pid="5" name="MSIP_Label_ced06422-c515-4a4e-a1f2-e6a0c0200eae_SetDate">
    <vt:lpwstr>2022-10-04T20:39:38Z</vt:lpwstr>
  </property>
  <property fmtid="{D5CDD505-2E9C-101B-9397-08002B2CF9AE}" pid="6" name="MSIP_Label_ced06422-c515-4a4e-a1f2-e6a0c0200eae_Method">
    <vt:lpwstr>Standard</vt:lpwstr>
  </property>
  <property fmtid="{D5CDD505-2E9C-101B-9397-08002B2CF9AE}" pid="7" name="MSIP_Label_ced06422-c515-4a4e-a1f2-e6a0c0200eae_Name">
    <vt:lpwstr>Unclassifed</vt:lpwstr>
  </property>
  <property fmtid="{D5CDD505-2E9C-101B-9397-08002B2CF9AE}" pid="8" name="MSIP_Label_ced06422-c515-4a4e-a1f2-e6a0c0200eae_SiteId">
    <vt:lpwstr>e339bd4b-2e3b-4035-a452-2112d502f2ff</vt:lpwstr>
  </property>
  <property fmtid="{D5CDD505-2E9C-101B-9397-08002B2CF9AE}" pid="9" name="MSIP_Label_ced06422-c515-4a4e-a1f2-e6a0c0200eae_ActionId">
    <vt:lpwstr>d3075583-cb4a-4d68-82dd-1423423807ad</vt:lpwstr>
  </property>
  <property fmtid="{D5CDD505-2E9C-101B-9397-08002B2CF9AE}" pid="10" name="MSIP_Label_ced06422-c515-4a4e-a1f2-e6a0c0200eae_ContentBits">
    <vt:lpwstr>0</vt:lpwstr>
  </property>
</Properties>
</file>